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1259\Desktop\"/>
    </mc:Choice>
  </mc:AlternateContent>
  <xr:revisionPtr revIDLastSave="0" documentId="8_{35D21F7B-C3D1-4168-827F-AF00634D0EDE}" xr6:coauthVersionLast="47" xr6:coauthVersionMax="47" xr10:uidLastSave="{00000000-0000-0000-0000-000000000000}"/>
  <bookViews>
    <workbookView xWindow="-120" yWindow="-120" windowWidth="20730" windowHeight="11040" xr2:uid="{4E3A8D12-2D0E-48A2-8445-553EA09593BA}"/>
  </bookViews>
  <sheets>
    <sheet name="エントリー" sheetId="3" r:id="rId1"/>
    <sheet name="参加者名簿（当日持参）" sheetId="5" r:id="rId2"/>
    <sheet name="学校番号" sheetId="4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30" i="5" l="1"/>
  <c r="D30" i="5"/>
  <c r="G10" i="5"/>
  <c r="G11" i="5"/>
  <c r="G12" i="5"/>
  <c r="G13" i="5"/>
  <c r="G14" i="5"/>
  <c r="G15" i="5"/>
  <c r="G16" i="5"/>
  <c r="G17" i="5"/>
  <c r="G18" i="5"/>
  <c r="G19" i="5"/>
  <c r="G20" i="5"/>
  <c r="G21" i="5"/>
  <c r="G22" i="5"/>
  <c r="G23" i="5"/>
  <c r="G24" i="5"/>
  <c r="G25" i="5"/>
  <c r="G26" i="5"/>
  <c r="G27" i="5"/>
  <c r="G28" i="5"/>
  <c r="B10" i="5"/>
  <c r="B11" i="5"/>
  <c r="B12" i="5"/>
  <c r="B13" i="5"/>
  <c r="B14" i="5"/>
  <c r="B15" i="5"/>
  <c r="B16" i="5"/>
  <c r="B17" i="5"/>
  <c r="B18" i="5"/>
  <c r="B19" i="5"/>
  <c r="B20" i="5"/>
  <c r="B21" i="5"/>
  <c r="B22" i="5"/>
  <c r="B23" i="5"/>
  <c r="B24" i="5"/>
  <c r="B25" i="5"/>
  <c r="B26" i="5"/>
  <c r="B27" i="5"/>
  <c r="B28" i="5"/>
  <c r="G9" i="5"/>
  <c r="B9" i="5"/>
  <c r="G6" i="5"/>
  <c r="G7" i="5"/>
  <c r="G5" i="5"/>
  <c r="B6" i="5"/>
  <c r="B7" i="5"/>
  <c r="B5" i="5"/>
  <c r="M30" i="5" l="1"/>
  <c r="B3" i="3" l="1"/>
  <c r="B11" i="3" l="1"/>
  <c r="I3" i="5"/>
  <c r="D50" i="3"/>
  <c r="B42" i="3"/>
  <c r="B18" i="3"/>
  <c r="B43" i="3"/>
  <c r="B44" i="3"/>
  <c r="B26" i="3"/>
  <c r="B23" i="3"/>
  <c r="B15" i="3"/>
  <c r="B17" i="3"/>
  <c r="B16" i="3"/>
  <c r="B10" i="3"/>
  <c r="B22" i="3"/>
  <c r="B14" i="3"/>
  <c r="B29" i="3"/>
  <c r="B21" i="3"/>
  <c r="B13" i="3"/>
  <c r="B25" i="3"/>
  <c r="B24" i="3"/>
  <c r="B28" i="3"/>
  <c r="B20" i="3"/>
  <c r="B12" i="3"/>
  <c r="B27" i="3"/>
  <c r="B19" i="3"/>
</calcChain>
</file>

<file path=xl/sharedStrings.xml><?xml version="1.0" encoding="utf-8"?>
<sst xmlns="http://schemas.openxmlformats.org/spreadsheetml/2006/main" count="280" uniqueCount="274">
  <si>
    <t>① 学校番号を入力してください。別シートにあります。</t>
    <rPh sb="2" eb="6">
      <t>ガッコウバンゴウ</t>
    </rPh>
    <rPh sb="7" eb="9">
      <t>ニュウリョク</t>
    </rPh>
    <rPh sb="16" eb="17">
      <t>ベツ</t>
    </rPh>
    <phoneticPr fontId="1"/>
  </si>
  <si>
    <t>② 参加生徒数を入力してください。</t>
    <rPh sb="2" eb="4">
      <t>サンカ</t>
    </rPh>
    <rPh sb="4" eb="7">
      <t>セイトスウ</t>
    </rPh>
    <rPh sb="8" eb="10">
      <t>ニュウリョク</t>
    </rPh>
    <phoneticPr fontId="1"/>
  </si>
  <si>
    <t>学校名</t>
    <rPh sb="0" eb="3">
      <t>ガッコウメイ</t>
    </rPh>
    <phoneticPr fontId="1"/>
  </si>
  <si>
    <t>学年</t>
    <rPh sb="0" eb="2">
      <t>ガクネン</t>
    </rPh>
    <phoneticPr fontId="1"/>
  </si>
  <si>
    <t>③ 生徒名・学年・参加部門を入力してください。</t>
    <rPh sb="2" eb="5">
      <t>セイトメイ</t>
    </rPh>
    <rPh sb="6" eb="8">
      <t>ガクネン</t>
    </rPh>
    <rPh sb="9" eb="11">
      <t>サンカ</t>
    </rPh>
    <rPh sb="11" eb="13">
      <t>ブモン</t>
    </rPh>
    <rPh sb="14" eb="16">
      <t>ニュウリョク</t>
    </rPh>
    <phoneticPr fontId="1"/>
  </si>
  <si>
    <t>参加部門</t>
    <rPh sb="0" eb="4">
      <t>サンカブモン</t>
    </rPh>
    <phoneticPr fontId="1"/>
  </si>
  <si>
    <t>アナ・番組</t>
    <rPh sb="3" eb="5">
      <t>バングミ</t>
    </rPh>
    <phoneticPr fontId="1"/>
  </si>
  <si>
    <t>朗読・番組</t>
    <rPh sb="0" eb="2">
      <t>ロウドク</t>
    </rPh>
    <rPh sb="3" eb="5">
      <t>バングミ</t>
    </rPh>
    <phoneticPr fontId="1"/>
  </si>
  <si>
    <t>番組のみ</t>
    <rPh sb="0" eb="2">
      <t>バングミ</t>
    </rPh>
    <phoneticPr fontId="1"/>
  </si>
  <si>
    <t>中３</t>
    <rPh sb="0" eb="1">
      <t>チュウ</t>
    </rPh>
    <phoneticPr fontId="1"/>
  </si>
  <si>
    <t>中２</t>
    <rPh sb="0" eb="1">
      <t>チュウ</t>
    </rPh>
    <phoneticPr fontId="1"/>
  </si>
  <si>
    <t>中１</t>
    <rPh sb="0" eb="1">
      <t>チュウ</t>
    </rPh>
    <phoneticPr fontId="1"/>
  </si>
  <si>
    <t>高２</t>
    <rPh sb="0" eb="1">
      <t>コウ</t>
    </rPh>
    <phoneticPr fontId="1"/>
  </si>
  <si>
    <t>高１</t>
    <rPh sb="0" eb="1">
      <t>コウ</t>
    </rPh>
    <phoneticPr fontId="1"/>
  </si>
  <si>
    <t>学校番号</t>
    <rPh sb="0" eb="2">
      <t>ガッコウ</t>
    </rPh>
    <rPh sb="2" eb="4">
      <t>バンゴウ</t>
    </rPh>
    <phoneticPr fontId="0"/>
  </si>
  <si>
    <t>学校名</t>
    <rPh sb="0" eb="3">
      <t>ガッコウメイ</t>
    </rPh>
    <phoneticPr fontId="0"/>
  </si>
  <si>
    <t>尼崎小田</t>
  </si>
  <si>
    <t>尼崎稲園</t>
  </si>
  <si>
    <t>県立尼崎</t>
    <rPh sb="0" eb="2">
      <t>ケンリツ</t>
    </rPh>
    <rPh sb="2" eb="4">
      <t>アマガサキ</t>
    </rPh>
    <phoneticPr fontId="2"/>
  </si>
  <si>
    <t>尼崎北</t>
  </si>
  <si>
    <t>尼崎西</t>
  </si>
  <si>
    <t>県立伊丹</t>
  </si>
  <si>
    <t>伊丹北</t>
  </si>
  <si>
    <t>伊丹西</t>
  </si>
  <si>
    <t>川西緑台</t>
  </si>
  <si>
    <t>川西明峰</t>
  </si>
  <si>
    <t>川西北陵</t>
  </si>
  <si>
    <t>猪名川</t>
  </si>
  <si>
    <t>県立西宮</t>
  </si>
  <si>
    <t>鳴尾</t>
  </si>
  <si>
    <t>西宮北</t>
  </si>
  <si>
    <t>西宮甲山</t>
  </si>
  <si>
    <t>西宮南</t>
  </si>
  <si>
    <t>西宮今津</t>
  </si>
  <si>
    <t>宝塚</t>
  </si>
  <si>
    <t>宝塚東</t>
  </si>
  <si>
    <t>宝塚北</t>
  </si>
  <si>
    <t>宝塚西</t>
  </si>
  <si>
    <t>芦屋</t>
  </si>
  <si>
    <t>北摂三田</t>
  </si>
  <si>
    <t>三田西陵</t>
  </si>
  <si>
    <t>三田祥雲館</t>
  </si>
  <si>
    <t>柏原</t>
  </si>
  <si>
    <t>氷上西</t>
  </si>
  <si>
    <t>篠山鳳鳴</t>
  </si>
  <si>
    <t>有馬</t>
  </si>
  <si>
    <t>有馬・定</t>
  </si>
  <si>
    <t>氷上</t>
  </si>
  <si>
    <t>尼崎工業</t>
  </si>
  <si>
    <t>篠山産業</t>
  </si>
  <si>
    <t>尼崎南</t>
  </si>
  <si>
    <t>神崎工業</t>
  </si>
  <si>
    <t>西宮香風</t>
  </si>
  <si>
    <t>市立尼崎</t>
  </si>
  <si>
    <t>市立西宮</t>
  </si>
  <si>
    <t>市立西宮東</t>
  </si>
  <si>
    <t>市立伊丹</t>
  </si>
  <si>
    <t>阪神昆陽</t>
  </si>
  <si>
    <t>国際</t>
  </si>
  <si>
    <t>武庫荘総合</t>
  </si>
  <si>
    <t>篠山東雲</t>
    <rPh sb="0" eb="2">
      <t>ササヤマ</t>
    </rPh>
    <phoneticPr fontId="4"/>
  </si>
  <si>
    <t>芦屋国際中等教育学校</t>
    <rPh sb="6" eb="8">
      <t>キョウイク</t>
    </rPh>
    <rPh sb="8" eb="10">
      <t>ガッコウ</t>
    </rPh>
    <phoneticPr fontId="3"/>
  </si>
  <si>
    <t>市立尼崎双星</t>
    <rPh sb="0" eb="2">
      <t>シリツ</t>
    </rPh>
    <rPh sb="2" eb="4">
      <t>アマガサキ</t>
    </rPh>
    <rPh sb="4" eb="5">
      <t>ソウ</t>
    </rPh>
    <rPh sb="5" eb="6">
      <t>ホシ</t>
    </rPh>
    <phoneticPr fontId="3"/>
  </si>
  <si>
    <t>市立琴ノ浦</t>
    <rPh sb="0" eb="2">
      <t>イチリツ</t>
    </rPh>
    <rPh sb="2" eb="3">
      <t>コト</t>
    </rPh>
    <rPh sb="4" eb="5">
      <t>ウラ</t>
    </rPh>
    <phoneticPr fontId="3"/>
  </si>
  <si>
    <t>西宮苦楽園</t>
    <rPh sb="0" eb="5">
      <t>ニシノミヤクラクエン</t>
    </rPh>
    <phoneticPr fontId="2"/>
  </si>
  <si>
    <t>雲雀丘学園</t>
  </si>
  <si>
    <t>小林聖心</t>
  </si>
  <si>
    <t>園田学園</t>
  </si>
  <si>
    <t>百合学院</t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4"/>
  </si>
  <si>
    <t>三田学園</t>
  </si>
  <si>
    <t>仁川学院</t>
  </si>
  <si>
    <t>芦屋学園</t>
    <rPh sb="2" eb="4">
      <t>ガクエン</t>
    </rPh>
    <phoneticPr fontId="3"/>
  </si>
  <si>
    <t>関西学院</t>
  </si>
  <si>
    <t>報徳学園</t>
  </si>
  <si>
    <t>甲陽学院</t>
  </si>
  <si>
    <t>甲南</t>
  </si>
  <si>
    <t>神戸女学院</t>
  </si>
  <si>
    <t>武庫川女子大学附属</t>
    <rPh sb="3" eb="5">
      <t>ジョシ</t>
    </rPh>
    <rPh sb="5" eb="7">
      <t>ダイガク</t>
    </rPh>
    <phoneticPr fontId="4"/>
  </si>
  <si>
    <t>甲子園学院</t>
  </si>
  <si>
    <t>1地区その他の学校</t>
    <rPh sb="1" eb="3">
      <t>チク</t>
    </rPh>
    <phoneticPr fontId="4"/>
  </si>
  <si>
    <t>東灘</t>
  </si>
  <si>
    <t>御影</t>
  </si>
  <si>
    <t>神戸</t>
  </si>
  <si>
    <t>夢野台</t>
  </si>
  <si>
    <t>兵庫</t>
  </si>
  <si>
    <t>神戸鈴蘭台</t>
  </si>
  <si>
    <t>神戸北</t>
  </si>
  <si>
    <t>神戸甲北</t>
  </si>
  <si>
    <t>長田</t>
  </si>
  <si>
    <t>須磨東</t>
  </si>
  <si>
    <t>北須磨</t>
  </si>
  <si>
    <t>須磨友が丘</t>
  </si>
  <si>
    <t>星陵</t>
  </si>
  <si>
    <t>舞子</t>
  </si>
  <si>
    <t>伊川谷北</t>
  </si>
  <si>
    <t>伊川谷</t>
  </si>
  <si>
    <t>神戸高塚</t>
  </si>
  <si>
    <t>兵庫工業</t>
  </si>
  <si>
    <t>神戸商業</t>
  </si>
  <si>
    <t>湊川</t>
  </si>
  <si>
    <t>神戸工業</t>
  </si>
  <si>
    <t>長田商業</t>
  </si>
  <si>
    <t>青雲</t>
  </si>
  <si>
    <t>六甲ｱｲﾗﾝﾄﾞ</t>
  </si>
  <si>
    <t>科学技術</t>
    <rPh sb="0" eb="2">
      <t>カガク</t>
    </rPh>
    <phoneticPr fontId="2"/>
  </si>
  <si>
    <t>葺合</t>
    <rPh sb="0" eb="2">
      <t>フキアイ</t>
    </rPh>
    <phoneticPr fontId="4"/>
  </si>
  <si>
    <t>摩耶兵庫</t>
  </si>
  <si>
    <t>神戸工科</t>
    <rPh sb="3" eb="4">
      <t>カ</t>
    </rPh>
    <phoneticPr fontId="2"/>
  </si>
  <si>
    <t>市立楠</t>
    <rPh sb="0" eb="2">
      <t>シリツ</t>
    </rPh>
    <phoneticPr fontId="4"/>
  </si>
  <si>
    <t>視覚特別支援学校</t>
    <rPh sb="0" eb="2">
      <t>シカク</t>
    </rPh>
    <rPh sb="2" eb="4">
      <t>トクベツ</t>
    </rPh>
    <rPh sb="4" eb="6">
      <t>シエン</t>
    </rPh>
    <rPh sb="6" eb="8">
      <t>ガッコウ</t>
    </rPh>
    <phoneticPr fontId="3"/>
  </si>
  <si>
    <t>須磨翔風</t>
    <rPh sb="0" eb="2">
      <t>スマ</t>
    </rPh>
    <phoneticPr fontId="4"/>
  </si>
  <si>
    <t>神港橘</t>
    <rPh sb="1" eb="2">
      <t>ミナト</t>
    </rPh>
    <phoneticPr fontId="3"/>
  </si>
  <si>
    <t>友生支援学校</t>
    <rPh sb="0" eb="1">
      <t>トモ</t>
    </rPh>
    <rPh sb="1" eb="2">
      <t>ナマ</t>
    </rPh>
    <rPh sb="2" eb="4">
      <t>シエン</t>
    </rPh>
    <rPh sb="4" eb="6">
      <t>ガッコウ</t>
    </rPh>
    <phoneticPr fontId="3"/>
  </si>
  <si>
    <t>市立盲学校</t>
  </si>
  <si>
    <t>青陽須磨支援学校</t>
    <rPh sb="0" eb="1">
      <t>アオ</t>
    </rPh>
    <rPh sb="1" eb="2">
      <t>ヨウ</t>
    </rPh>
    <rPh sb="2" eb="4">
      <t>スマ</t>
    </rPh>
    <rPh sb="4" eb="6">
      <t>シエン</t>
    </rPh>
    <rPh sb="6" eb="8">
      <t>ガッコウ</t>
    </rPh>
    <phoneticPr fontId="3"/>
  </si>
  <si>
    <t>いぶき明生支援学校</t>
    <rPh sb="7" eb="9">
      <t>ガッコウ</t>
    </rPh>
    <phoneticPr fontId="3"/>
  </si>
  <si>
    <t>北神戸総合</t>
    <rPh sb="0" eb="5">
      <t>キタコウベソウゴウ</t>
    </rPh>
    <phoneticPr fontId="2"/>
  </si>
  <si>
    <t>神戸学園都市</t>
    <rPh sb="0" eb="6">
      <t>コウベガクエントシ</t>
    </rPh>
    <phoneticPr fontId="2"/>
  </si>
  <si>
    <t>神戸第一</t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4"/>
  </si>
  <si>
    <t>灘</t>
  </si>
  <si>
    <t>六甲学院</t>
    <rPh sb="2" eb="4">
      <t>ガクイン</t>
    </rPh>
    <phoneticPr fontId="2"/>
  </si>
  <si>
    <t>神港学園</t>
  </si>
  <si>
    <t>甲南女子</t>
  </si>
  <si>
    <t>親和女子</t>
  </si>
  <si>
    <t>神戸海星</t>
  </si>
  <si>
    <t>松蔭</t>
  </si>
  <si>
    <t>神戸龍谷</t>
    <rPh sb="0" eb="2">
      <t>コウベ</t>
    </rPh>
    <rPh sb="2" eb="4">
      <t>リュウコク</t>
    </rPh>
    <phoneticPr fontId="4"/>
  </si>
  <si>
    <t>神戸山手グローバル</t>
  </si>
  <si>
    <t>神戸常盤</t>
    <rPh sb="2" eb="4">
      <t>トキワ</t>
    </rPh>
    <phoneticPr fontId="4"/>
  </si>
  <si>
    <t>神戸野田</t>
  </si>
  <si>
    <t>須磨学園</t>
  </si>
  <si>
    <t>神戸星城</t>
  </si>
  <si>
    <t>滝川第二</t>
  </si>
  <si>
    <t>神戸弘陵</t>
  </si>
  <si>
    <t>彩星工科</t>
    <rPh sb="0" eb="1">
      <t>イロド</t>
    </rPh>
    <rPh sb="1" eb="2">
      <t>ホシ</t>
    </rPh>
    <rPh sb="3" eb="4">
      <t>カ</t>
    </rPh>
    <phoneticPr fontId="2"/>
  </si>
  <si>
    <t>育英</t>
  </si>
  <si>
    <t>滝川</t>
  </si>
  <si>
    <t>神戸国際大学附属</t>
    <rPh sb="5" eb="6">
      <t>ガク</t>
    </rPh>
    <rPh sb="7" eb="8">
      <t>ゾク</t>
    </rPh>
    <phoneticPr fontId="4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3"/>
  </si>
  <si>
    <t>啓明学院</t>
  </si>
  <si>
    <t>神戸国際</t>
  </si>
  <si>
    <t>愛徳学園</t>
  </si>
  <si>
    <t>夙川</t>
  </si>
  <si>
    <t>２地区その他の学校</t>
    <rPh sb="1" eb="3">
      <t>チク</t>
    </rPh>
    <phoneticPr fontId="4"/>
  </si>
  <si>
    <t>明石</t>
  </si>
  <si>
    <t>明石南</t>
  </si>
  <si>
    <t>明石北</t>
  </si>
  <si>
    <t>明石城西</t>
  </si>
  <si>
    <t>明石清水</t>
  </si>
  <si>
    <t>明石西</t>
  </si>
  <si>
    <t>加古川北</t>
  </si>
  <si>
    <t>加古川東</t>
  </si>
  <si>
    <t>加古川西</t>
  </si>
  <si>
    <t>加古川南</t>
  </si>
  <si>
    <t>高砂</t>
  </si>
  <si>
    <t>高砂南</t>
  </si>
  <si>
    <t>松陽</t>
  </si>
  <si>
    <t>松陽（定）</t>
  </si>
  <si>
    <t>東播磨</t>
  </si>
  <si>
    <t>播磨南</t>
  </si>
  <si>
    <t>西脇</t>
  </si>
  <si>
    <t>三木東</t>
  </si>
  <si>
    <t>三木</t>
  </si>
  <si>
    <t>三木北</t>
  </si>
  <si>
    <t>小野</t>
  </si>
  <si>
    <t>吉川</t>
  </si>
  <si>
    <t>社</t>
  </si>
  <si>
    <t>多可</t>
  </si>
  <si>
    <t>北条</t>
  </si>
  <si>
    <t>北条・定</t>
  </si>
  <si>
    <t>洲本</t>
  </si>
  <si>
    <t>洲本・定</t>
  </si>
  <si>
    <t>津名</t>
  </si>
  <si>
    <t>淡路三原</t>
    <rPh sb="0" eb="2">
      <t>アワジ</t>
    </rPh>
    <phoneticPr fontId="3"/>
  </si>
  <si>
    <t>農業</t>
  </si>
  <si>
    <t>農業・定</t>
  </si>
  <si>
    <t>播磨農業</t>
  </si>
  <si>
    <t>淡路</t>
  </si>
  <si>
    <t>東播工業</t>
  </si>
  <si>
    <t>西脇工業</t>
  </si>
  <si>
    <t>小野工業</t>
  </si>
  <si>
    <t>小野工業・定</t>
  </si>
  <si>
    <t>洲本実業</t>
  </si>
  <si>
    <t>錦城</t>
  </si>
  <si>
    <t>西脇北</t>
  </si>
  <si>
    <t>市立明石商業</t>
  </si>
  <si>
    <t>三木総合</t>
    <rPh sb="0" eb="2">
      <t>ミキ</t>
    </rPh>
    <rPh sb="2" eb="4">
      <t>ソウゴウ</t>
    </rPh>
    <phoneticPr fontId="2"/>
  </si>
  <si>
    <t>白陵</t>
  </si>
  <si>
    <t>蒼開</t>
  </si>
  <si>
    <t>３地区その他の学校</t>
    <rPh sb="1" eb="3">
      <t>チク</t>
    </rPh>
    <phoneticPr fontId="4"/>
  </si>
  <si>
    <t>姫路別所</t>
  </si>
  <si>
    <t>姫路東</t>
  </si>
  <si>
    <t>姫路西</t>
  </si>
  <si>
    <t>姫路飾西</t>
  </si>
  <si>
    <t>姫路南</t>
  </si>
  <si>
    <t>網干</t>
  </si>
  <si>
    <t>網干・通</t>
  </si>
  <si>
    <t>家島</t>
  </si>
  <si>
    <t>相生</t>
  </si>
  <si>
    <t>龍野</t>
  </si>
  <si>
    <t>太子</t>
  </si>
  <si>
    <t>赤穂</t>
  </si>
  <si>
    <t>赤穂・定</t>
  </si>
  <si>
    <t>福崎</t>
  </si>
  <si>
    <t>香寺</t>
  </si>
  <si>
    <t>神崎</t>
  </si>
  <si>
    <t>夢前</t>
  </si>
  <si>
    <t>伊和</t>
  </si>
  <si>
    <t>千種</t>
  </si>
  <si>
    <t>豊岡</t>
  </si>
  <si>
    <t>豊岡（定）</t>
  </si>
  <si>
    <t>出石</t>
  </si>
  <si>
    <t>浜坂</t>
  </si>
  <si>
    <t>村岡</t>
  </si>
  <si>
    <t>八鹿</t>
  </si>
  <si>
    <t>生野</t>
  </si>
  <si>
    <t>上郡</t>
  </si>
  <si>
    <t>佐用</t>
  </si>
  <si>
    <t>日高</t>
  </si>
  <si>
    <t>但馬農業</t>
  </si>
  <si>
    <t>山崎</t>
  </si>
  <si>
    <t>香住</t>
  </si>
  <si>
    <t>飾磨工業</t>
  </si>
  <si>
    <t>飾磨工業（多）</t>
  </si>
  <si>
    <t>姫路工業</t>
  </si>
  <si>
    <t>相生産業</t>
  </si>
  <si>
    <t>相生産業（定）</t>
  </si>
  <si>
    <t>姫路商業</t>
  </si>
  <si>
    <t>和田山</t>
  </si>
  <si>
    <t>姫路北</t>
  </si>
  <si>
    <t>県立大附属</t>
    <rPh sb="0" eb="2">
      <t>ケンリツ</t>
    </rPh>
    <phoneticPr fontId="4"/>
  </si>
  <si>
    <t>市立姫路</t>
  </si>
  <si>
    <t>市立琴丘</t>
  </si>
  <si>
    <t>市立飾磨</t>
  </si>
  <si>
    <t>豊岡総合</t>
    <rPh sb="0" eb="1">
      <t>トヨ</t>
    </rPh>
    <phoneticPr fontId="4"/>
  </si>
  <si>
    <t>龍野北</t>
    <rPh sb="0" eb="2">
      <t>タツノ</t>
    </rPh>
    <rPh sb="2" eb="3">
      <t>キタ</t>
    </rPh>
    <phoneticPr fontId="3"/>
  </si>
  <si>
    <t>姫路海稜</t>
  </si>
  <si>
    <t>播磨福崎</t>
    <rPh sb="0" eb="2">
      <t>ハリマ</t>
    </rPh>
    <rPh sb="2" eb="4">
      <t>フクサキ</t>
    </rPh>
    <phoneticPr fontId="2"/>
  </si>
  <si>
    <t>東洋大附姫路</t>
  </si>
  <si>
    <t>市川</t>
  </si>
  <si>
    <t>近大附豊岡</t>
  </si>
  <si>
    <t>生野学園</t>
  </si>
  <si>
    <t>淳心学院</t>
  </si>
  <si>
    <t>自由ヶ丘</t>
    <rPh sb="0" eb="2">
      <t>ジユウ</t>
    </rPh>
    <rPh sb="3" eb="4">
      <t>オカ</t>
    </rPh>
    <phoneticPr fontId="3"/>
  </si>
  <si>
    <t>姫路女学院</t>
    <rPh sb="0" eb="2">
      <t>ヒメジ</t>
    </rPh>
    <rPh sb="2" eb="5">
      <t>ジョガクイン</t>
    </rPh>
    <phoneticPr fontId="2"/>
  </si>
  <si>
    <t>賢明女子学院</t>
  </si>
  <si>
    <t>日ノ本学園</t>
  </si>
  <si>
    <t>４地区その他の学校</t>
    <rPh sb="1" eb="3">
      <t>チク</t>
    </rPh>
    <phoneticPr fontId="4"/>
  </si>
  <si>
    <t>生徒名（姓と名の間は全角スペース１字空けてください）</t>
    <rPh sb="0" eb="3">
      <t>セイトメイ</t>
    </rPh>
    <rPh sb="4" eb="5">
      <t>セイ</t>
    </rPh>
    <rPh sb="6" eb="7">
      <t>メイ</t>
    </rPh>
    <rPh sb="8" eb="9">
      <t>アイダ</t>
    </rPh>
    <rPh sb="10" eb="12">
      <t>ゼンカク</t>
    </rPh>
    <rPh sb="17" eb="18">
      <t>ジ</t>
    </rPh>
    <rPh sb="18" eb="19">
      <t>ア</t>
    </rPh>
    <phoneticPr fontId="1"/>
  </si>
  <si>
    <t>顧問名（姓と名の間は全角スペース１字空けてください）</t>
    <rPh sb="0" eb="2">
      <t>コモン</t>
    </rPh>
    <rPh sb="2" eb="3">
      <t>メイ</t>
    </rPh>
    <rPh sb="4" eb="5">
      <t>セイ</t>
    </rPh>
    <rPh sb="6" eb="7">
      <t>メイ</t>
    </rPh>
    <rPh sb="8" eb="9">
      <t>アイダ</t>
    </rPh>
    <rPh sb="10" eb="12">
      <t>ゼンカク</t>
    </rPh>
    <rPh sb="17" eb="18">
      <t>ジ</t>
    </rPh>
    <rPh sb="18" eb="19">
      <t>ア</t>
    </rPh>
    <phoneticPr fontId="1"/>
  </si>
  <si>
    <t>希望</t>
    <rPh sb="0" eb="2">
      <t>キボウ</t>
    </rPh>
    <phoneticPr fontId="1"/>
  </si>
  <si>
    <t>当日連絡先（代表者のみ）</t>
    <rPh sb="0" eb="2">
      <t>トウジツ</t>
    </rPh>
    <rPh sb="2" eb="5">
      <t>レンラクサキ</t>
    </rPh>
    <rPh sb="6" eb="9">
      <t>ダイヒョウシャ</t>
    </rPh>
    <phoneticPr fontId="1"/>
  </si>
  <si>
    <t>アナ</t>
    <phoneticPr fontId="1"/>
  </si>
  <si>
    <t>朗</t>
    <rPh sb="0" eb="1">
      <t>ロウ</t>
    </rPh>
    <phoneticPr fontId="1"/>
  </si>
  <si>
    <t>理事</t>
    <rPh sb="0" eb="2">
      <t>リジ</t>
    </rPh>
    <phoneticPr fontId="1"/>
  </si>
  <si>
    <t>④ 参加顧問数を入力してください。</t>
    <rPh sb="2" eb="4">
      <t>サンカ</t>
    </rPh>
    <rPh sb="4" eb="6">
      <t>コモン</t>
    </rPh>
    <rPh sb="6" eb="7">
      <t>スウ</t>
    </rPh>
    <rPh sb="8" eb="10">
      <t>ニュウリョク</t>
    </rPh>
    <phoneticPr fontId="1"/>
  </si>
  <si>
    <t>⑤ 参加顧問名・審査希望部門を入力してください。</t>
    <rPh sb="2" eb="6">
      <t>サンカコモン</t>
    </rPh>
    <rPh sb="6" eb="7">
      <t>メイ</t>
    </rPh>
    <rPh sb="8" eb="10">
      <t>シンサ</t>
    </rPh>
    <rPh sb="10" eb="14">
      <t>キボウブモン</t>
    </rPh>
    <rPh sb="15" eb="17">
      <t>ニュウリョク</t>
    </rPh>
    <phoneticPr fontId="1"/>
  </si>
  <si>
    <t>⑥ ファイル名の右記のように変更して提出してください。</t>
    <rPh sb="6" eb="7">
      <t>メイ</t>
    </rPh>
    <rPh sb="8" eb="10">
      <t>ウキ</t>
    </rPh>
    <rPh sb="14" eb="16">
      <t>ヘンコウ</t>
    </rPh>
    <rPh sb="18" eb="20">
      <t>テイシュツ</t>
    </rPh>
    <phoneticPr fontId="1"/>
  </si>
  <si>
    <t>①～⑤について、黄色のセルに入力してください。ファイル名の⑥のように変更して提出してください。</t>
    <rPh sb="8" eb="10">
      <t>キイロ</t>
    </rPh>
    <rPh sb="14" eb="16">
      <t>ニュウリョク</t>
    </rPh>
    <phoneticPr fontId="1"/>
  </si>
  <si>
    <t>学校番号　・　学校名</t>
    <rPh sb="0" eb="4">
      <t>ガッコウバンゴウ</t>
    </rPh>
    <rPh sb="7" eb="10">
      <t>ガッコウメイ</t>
    </rPh>
    <phoneticPr fontId="1"/>
  </si>
  <si>
    <t>顧問</t>
    <rPh sb="0" eb="2">
      <t>コモン</t>
    </rPh>
    <phoneticPr fontId="1"/>
  </si>
  <si>
    <t>名前</t>
    <rPh sb="0" eb="2">
      <t>ナマエ</t>
    </rPh>
    <phoneticPr fontId="1"/>
  </si>
  <si>
    <t>当日の緊急連絡先（代表者のみ可）</t>
    <rPh sb="0" eb="2">
      <t>トウジツ</t>
    </rPh>
    <rPh sb="3" eb="5">
      <t>キンキュウ</t>
    </rPh>
    <rPh sb="5" eb="8">
      <t>レンラクサキ</t>
    </rPh>
    <rPh sb="9" eb="12">
      <t>ダイヒョウシャ</t>
    </rPh>
    <rPh sb="14" eb="15">
      <t>カ</t>
    </rPh>
    <phoneticPr fontId="1"/>
  </si>
  <si>
    <t>生徒</t>
    <rPh sb="0" eb="2">
      <t>セイト</t>
    </rPh>
    <phoneticPr fontId="1"/>
  </si>
  <si>
    <t>備考</t>
    <rPh sb="0" eb="2">
      <t>ビコウ</t>
    </rPh>
    <phoneticPr fontId="1"/>
  </si>
  <si>
    <t>（生徒</t>
    <rPh sb="1" eb="3">
      <t>セイト</t>
    </rPh>
    <phoneticPr fontId="1"/>
  </si>
  <si>
    <t>名</t>
    <rPh sb="0" eb="1">
      <t>メイ</t>
    </rPh>
    <phoneticPr fontId="1"/>
  </si>
  <si>
    <t>＋</t>
    <phoneticPr fontId="1"/>
  </si>
  <si>
    <t>＝</t>
    <phoneticPr fontId="1"/>
  </si>
  <si>
    <t>名）</t>
    <rPh sb="0" eb="1">
      <t>メイ</t>
    </rPh>
    <phoneticPr fontId="1"/>
  </si>
  <si>
    <t>令和７年度　４地区夏季リーダー研修会（8/12）　参加者名簿</t>
    <rPh sb="25" eb="30">
      <t>サンカシャメイボ</t>
    </rPh>
    <phoneticPr fontId="1"/>
  </si>
  <si>
    <t>高３</t>
    <rPh sb="0" eb="1">
      <t>コ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1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sz val="14"/>
      <color theme="1"/>
      <name val="BIZ UDPゴシック"/>
      <family val="3"/>
      <charset val="128"/>
    </font>
    <font>
      <sz val="11"/>
      <color theme="1"/>
      <name val="BIZ UD明朝 Medium"/>
      <family val="1"/>
      <charset val="128"/>
    </font>
    <font>
      <sz val="11"/>
      <color theme="1"/>
      <name val="BIZ UDPゴシック"/>
      <family val="3"/>
      <charset val="128"/>
    </font>
    <font>
      <sz val="14"/>
      <color theme="1"/>
      <name val="BIZ UDゴシック"/>
      <family val="3"/>
      <charset val="128"/>
    </font>
    <font>
      <sz val="11"/>
      <color theme="1"/>
      <name val="BIZ UD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4" tint="0.79998168889431442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6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6" fillId="0" borderId="0" xfId="0" applyFont="1">
      <alignment vertical="center"/>
    </xf>
    <xf numFmtId="0" fontId="0" fillId="0" borderId="1" xfId="0" applyBorder="1">
      <alignment vertical="center"/>
    </xf>
    <xf numFmtId="0" fontId="0" fillId="3" borderId="1" xfId="0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2" borderId="0" xfId="0" applyFill="1" applyProtection="1">
      <alignment vertical="center"/>
      <protection locked="0"/>
    </xf>
    <xf numFmtId="0" fontId="0" fillId="0" borderId="1" xfId="0" applyBorder="1" applyAlignment="1" applyProtection="1">
      <alignment horizontal="center" vertical="center"/>
      <protection locked="0"/>
    </xf>
    <xf numFmtId="0" fontId="0" fillId="0" borderId="1" xfId="0" applyBorder="1" applyProtection="1">
      <alignment vertical="center"/>
      <protection locked="0"/>
    </xf>
    <xf numFmtId="0" fontId="8" fillId="0" borderId="0" xfId="0" applyFont="1">
      <alignment vertical="center"/>
    </xf>
    <xf numFmtId="0" fontId="9" fillId="0" borderId="1" xfId="0" applyFont="1" applyBorder="1" applyAlignment="1">
      <alignment horizontal="center" vertical="center"/>
    </xf>
    <xf numFmtId="0" fontId="11" fillId="0" borderId="0" xfId="0" applyFont="1">
      <alignment vertical="center"/>
    </xf>
    <xf numFmtId="0" fontId="0" fillId="3" borderId="1" xfId="0" applyFill="1" applyBorder="1">
      <alignment vertical="center"/>
    </xf>
    <xf numFmtId="0" fontId="5" fillId="0" borderId="0" xfId="0" applyFont="1" applyAlignment="1">
      <alignment horizontal="left" vertical="center"/>
    </xf>
    <xf numFmtId="0" fontId="10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2" xfId="0" applyFont="1" applyBorder="1" applyAlignment="1" applyProtection="1">
      <alignment horizontal="center" vertical="center"/>
      <protection locked="0"/>
    </xf>
    <xf numFmtId="0" fontId="9" fillId="0" borderId="3" xfId="0" applyFont="1" applyBorder="1" applyAlignment="1" applyProtection="1">
      <alignment horizontal="center" vertical="center"/>
      <protection locked="0"/>
    </xf>
    <xf numFmtId="0" fontId="9" fillId="0" borderId="4" xfId="0" applyFont="1" applyBorder="1" applyAlignment="1" applyProtection="1">
      <alignment horizontal="center" vertical="center"/>
      <protection locked="0"/>
    </xf>
    <xf numFmtId="0" fontId="9" fillId="0" borderId="1" xfId="0" applyFont="1" applyBorder="1" applyAlignment="1">
      <alignment horizontal="center" vertical="center"/>
    </xf>
    <xf numFmtId="0" fontId="9" fillId="0" borderId="1" xfId="0" applyFont="1" applyBorder="1" applyAlignment="1" applyProtection="1">
      <alignment horizontal="right" vertical="center"/>
      <protection locked="0"/>
    </xf>
    <xf numFmtId="0" fontId="9" fillId="0" borderId="1" xfId="0" applyFont="1" applyBorder="1" applyAlignment="1" applyProtection="1">
      <alignment horizontal="center" vertical="center"/>
      <protection locked="0"/>
    </xf>
    <xf numFmtId="0" fontId="7" fillId="0" borderId="1" xfId="0" applyFont="1" applyBorder="1" applyAlignment="1">
      <alignment horizontal="center" vertical="center"/>
    </xf>
  </cellXfs>
  <cellStyles count="1">
    <cellStyle name="標準" xfId="0" builtinId="0"/>
  </cellStyles>
  <dxfs count="23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5DDEC2-B4CF-4B9F-929F-3E0E3D2181F4}">
  <dimension ref="A1:F50"/>
  <sheetViews>
    <sheetView tabSelected="1" zoomScale="70" zoomScaleNormal="70" workbookViewId="0">
      <selection activeCell="C15" sqref="C15"/>
    </sheetView>
  </sheetViews>
  <sheetFormatPr defaultRowHeight="18.75" x14ac:dyDescent="0.4"/>
  <cols>
    <col min="2" max="2" width="11.25" customWidth="1"/>
    <col min="3" max="3" width="60" customWidth="1"/>
    <col min="4" max="4" width="6.25" customWidth="1"/>
    <col min="5" max="5" width="22.5" customWidth="1"/>
  </cols>
  <sheetData>
    <row r="1" spans="1:5" ht="19.5" x14ac:dyDescent="0.4">
      <c r="A1" s="3" t="s">
        <v>260</v>
      </c>
    </row>
    <row r="2" spans="1:5" x14ac:dyDescent="0.4">
      <c r="A2" t="s">
        <v>0</v>
      </c>
    </row>
    <row r="3" spans="1:5" x14ac:dyDescent="0.4">
      <c r="A3" s="7"/>
      <c r="B3" s="6" t="e">
        <f>VLOOKUP(A3,学校番号!$A:$B,2,FALSE)</f>
        <v>#N/A</v>
      </c>
    </row>
    <row r="5" spans="1:5" x14ac:dyDescent="0.4">
      <c r="A5" t="s">
        <v>1</v>
      </c>
    </row>
    <row r="6" spans="1:5" x14ac:dyDescent="0.4">
      <c r="A6" s="7"/>
    </row>
    <row r="8" spans="1:5" x14ac:dyDescent="0.4">
      <c r="A8" t="s">
        <v>4</v>
      </c>
    </row>
    <row r="9" spans="1:5" x14ac:dyDescent="0.4">
      <c r="A9" s="2"/>
      <c r="B9" s="2" t="s">
        <v>2</v>
      </c>
      <c r="C9" s="2" t="s">
        <v>250</v>
      </c>
      <c r="D9" s="2" t="s">
        <v>3</v>
      </c>
      <c r="E9" s="2" t="s">
        <v>5</v>
      </c>
    </row>
    <row r="10" spans="1:5" x14ac:dyDescent="0.4">
      <c r="A10" s="2">
        <v>1</v>
      </c>
      <c r="B10" s="1" t="e">
        <f>$B$3</f>
        <v>#N/A</v>
      </c>
      <c r="C10" s="8"/>
      <c r="D10" s="8"/>
      <c r="E10" s="8"/>
    </row>
    <row r="11" spans="1:5" x14ac:dyDescent="0.4">
      <c r="A11" s="2">
        <v>2</v>
      </c>
      <c r="B11" s="1" t="e">
        <f t="shared" ref="B11:B29" si="0">$B$3</f>
        <v>#N/A</v>
      </c>
      <c r="C11" s="8"/>
      <c r="D11" s="8"/>
      <c r="E11" s="8"/>
    </row>
    <row r="12" spans="1:5" x14ac:dyDescent="0.4">
      <c r="A12" s="2">
        <v>3</v>
      </c>
      <c r="B12" s="1" t="e">
        <f t="shared" si="0"/>
        <v>#N/A</v>
      </c>
      <c r="C12" s="8"/>
      <c r="D12" s="8"/>
      <c r="E12" s="8"/>
    </row>
    <row r="13" spans="1:5" x14ac:dyDescent="0.4">
      <c r="A13" s="2">
        <v>4</v>
      </c>
      <c r="B13" s="1" t="e">
        <f t="shared" si="0"/>
        <v>#N/A</v>
      </c>
      <c r="C13" s="8"/>
      <c r="D13" s="8"/>
      <c r="E13" s="8"/>
    </row>
    <row r="14" spans="1:5" x14ac:dyDescent="0.4">
      <c r="A14" s="2">
        <v>5</v>
      </c>
      <c r="B14" s="1" t="e">
        <f t="shared" si="0"/>
        <v>#N/A</v>
      </c>
      <c r="C14" s="8"/>
      <c r="D14" s="8"/>
      <c r="E14" s="8"/>
    </row>
    <row r="15" spans="1:5" x14ac:dyDescent="0.4">
      <c r="A15" s="2">
        <v>6</v>
      </c>
      <c r="B15" s="1" t="e">
        <f t="shared" si="0"/>
        <v>#N/A</v>
      </c>
      <c r="C15" s="8"/>
      <c r="D15" s="8"/>
      <c r="E15" s="8"/>
    </row>
    <row r="16" spans="1:5" x14ac:dyDescent="0.4">
      <c r="A16" s="2">
        <v>7</v>
      </c>
      <c r="B16" s="1" t="e">
        <f t="shared" si="0"/>
        <v>#N/A</v>
      </c>
      <c r="C16" s="8"/>
      <c r="D16" s="8"/>
      <c r="E16" s="8"/>
    </row>
    <row r="17" spans="1:5" x14ac:dyDescent="0.4">
      <c r="A17" s="2">
        <v>8</v>
      </c>
      <c r="B17" s="1" t="e">
        <f t="shared" si="0"/>
        <v>#N/A</v>
      </c>
      <c r="C17" s="8"/>
      <c r="D17" s="8"/>
      <c r="E17" s="8"/>
    </row>
    <row r="18" spans="1:5" x14ac:dyDescent="0.4">
      <c r="A18" s="2">
        <v>9</v>
      </c>
      <c r="B18" s="1" t="e">
        <f t="shared" si="0"/>
        <v>#N/A</v>
      </c>
      <c r="C18" s="8"/>
      <c r="D18" s="8"/>
      <c r="E18" s="8"/>
    </row>
    <row r="19" spans="1:5" x14ac:dyDescent="0.4">
      <c r="A19" s="2">
        <v>10</v>
      </c>
      <c r="B19" s="1" t="e">
        <f t="shared" si="0"/>
        <v>#N/A</v>
      </c>
      <c r="C19" s="8"/>
      <c r="D19" s="8"/>
      <c r="E19" s="8"/>
    </row>
    <row r="20" spans="1:5" x14ac:dyDescent="0.4">
      <c r="A20" s="2">
        <v>11</v>
      </c>
      <c r="B20" s="1" t="e">
        <f t="shared" si="0"/>
        <v>#N/A</v>
      </c>
      <c r="C20" s="8"/>
      <c r="D20" s="8"/>
      <c r="E20" s="8"/>
    </row>
    <row r="21" spans="1:5" x14ac:dyDescent="0.4">
      <c r="A21" s="2">
        <v>12</v>
      </c>
      <c r="B21" s="1" t="e">
        <f t="shared" si="0"/>
        <v>#N/A</v>
      </c>
      <c r="C21" s="8"/>
      <c r="D21" s="8"/>
      <c r="E21" s="8"/>
    </row>
    <row r="22" spans="1:5" x14ac:dyDescent="0.4">
      <c r="A22" s="2">
        <v>13</v>
      </c>
      <c r="B22" s="1" t="e">
        <f t="shared" si="0"/>
        <v>#N/A</v>
      </c>
      <c r="C22" s="8"/>
      <c r="D22" s="8"/>
      <c r="E22" s="8"/>
    </row>
    <row r="23" spans="1:5" x14ac:dyDescent="0.4">
      <c r="A23" s="2">
        <v>14</v>
      </c>
      <c r="B23" s="1" t="e">
        <f t="shared" si="0"/>
        <v>#N/A</v>
      </c>
      <c r="C23" s="8"/>
      <c r="D23" s="8"/>
      <c r="E23" s="8"/>
    </row>
    <row r="24" spans="1:5" x14ac:dyDescent="0.4">
      <c r="A24" s="2">
        <v>15</v>
      </c>
      <c r="B24" s="1" t="e">
        <f t="shared" si="0"/>
        <v>#N/A</v>
      </c>
      <c r="C24" s="8"/>
      <c r="D24" s="8"/>
      <c r="E24" s="8"/>
    </row>
    <row r="25" spans="1:5" x14ac:dyDescent="0.4">
      <c r="A25" s="2">
        <v>16</v>
      </c>
      <c r="B25" s="1" t="e">
        <f t="shared" si="0"/>
        <v>#N/A</v>
      </c>
      <c r="C25" s="8"/>
      <c r="D25" s="8"/>
      <c r="E25" s="8"/>
    </row>
    <row r="26" spans="1:5" x14ac:dyDescent="0.4">
      <c r="A26" s="2">
        <v>17</v>
      </c>
      <c r="B26" s="1" t="e">
        <f t="shared" si="0"/>
        <v>#N/A</v>
      </c>
      <c r="C26" s="8"/>
      <c r="D26" s="8"/>
      <c r="E26" s="8"/>
    </row>
    <row r="27" spans="1:5" x14ac:dyDescent="0.4">
      <c r="A27" s="2">
        <v>18</v>
      </c>
      <c r="B27" s="1" t="e">
        <f t="shared" si="0"/>
        <v>#N/A</v>
      </c>
      <c r="C27" s="8"/>
      <c r="D27" s="8"/>
      <c r="E27" s="8"/>
    </row>
    <row r="28" spans="1:5" x14ac:dyDescent="0.4">
      <c r="A28" s="2">
        <v>19</v>
      </c>
      <c r="B28" s="1" t="e">
        <f t="shared" si="0"/>
        <v>#N/A</v>
      </c>
      <c r="C28" s="8"/>
      <c r="D28" s="8"/>
      <c r="E28" s="8"/>
    </row>
    <row r="29" spans="1:5" x14ac:dyDescent="0.4">
      <c r="A29" s="2">
        <v>20</v>
      </c>
      <c r="B29" s="1" t="e">
        <f t="shared" si="0"/>
        <v>#N/A</v>
      </c>
      <c r="C29" s="8"/>
      <c r="D29" s="8"/>
      <c r="E29" s="8"/>
    </row>
    <row r="31" spans="1:5" x14ac:dyDescent="0.4">
      <c r="D31" s="5" t="s">
        <v>273</v>
      </c>
      <c r="E31" s="5" t="s">
        <v>6</v>
      </c>
    </row>
    <row r="32" spans="1:5" x14ac:dyDescent="0.4">
      <c r="D32" s="5" t="s">
        <v>12</v>
      </c>
      <c r="E32" s="5" t="s">
        <v>7</v>
      </c>
    </row>
    <row r="33" spans="1:5" x14ac:dyDescent="0.4">
      <c r="D33" s="5" t="s">
        <v>13</v>
      </c>
      <c r="E33" s="5" t="s">
        <v>8</v>
      </c>
    </row>
    <row r="34" spans="1:5" x14ac:dyDescent="0.4">
      <c r="D34" s="5" t="s">
        <v>9</v>
      </c>
      <c r="E34" s="5"/>
    </row>
    <row r="35" spans="1:5" x14ac:dyDescent="0.4">
      <c r="D35" s="5" t="s">
        <v>10</v>
      </c>
      <c r="E35" s="5"/>
    </row>
    <row r="36" spans="1:5" x14ac:dyDescent="0.4">
      <c r="D36" s="5" t="s">
        <v>11</v>
      </c>
      <c r="E36" s="13"/>
    </row>
    <row r="37" spans="1:5" x14ac:dyDescent="0.4">
      <c r="A37" t="s">
        <v>257</v>
      </c>
    </row>
    <row r="38" spans="1:5" x14ac:dyDescent="0.4">
      <c r="A38" s="7"/>
    </row>
    <row r="40" spans="1:5" x14ac:dyDescent="0.4">
      <c r="A40" t="s">
        <v>258</v>
      </c>
    </row>
    <row r="41" spans="1:5" x14ac:dyDescent="0.4">
      <c r="A41" s="4"/>
      <c r="B41" s="2" t="s">
        <v>2</v>
      </c>
      <c r="C41" s="2" t="s">
        <v>251</v>
      </c>
      <c r="D41" s="2" t="s">
        <v>252</v>
      </c>
      <c r="E41" s="2" t="s">
        <v>253</v>
      </c>
    </row>
    <row r="42" spans="1:5" x14ac:dyDescent="0.4">
      <c r="A42" s="2">
        <v>1</v>
      </c>
      <c r="B42" s="1" t="e">
        <f>$B$3</f>
        <v>#N/A</v>
      </c>
      <c r="C42" s="9"/>
      <c r="D42" s="8" t="s">
        <v>256</v>
      </c>
      <c r="E42" s="9"/>
    </row>
    <row r="43" spans="1:5" x14ac:dyDescent="0.4">
      <c r="A43" s="2">
        <v>2</v>
      </c>
      <c r="B43" s="1" t="e">
        <f t="shared" ref="B43:B44" si="1">$B$3</f>
        <v>#N/A</v>
      </c>
      <c r="C43" s="9"/>
      <c r="D43" s="8"/>
      <c r="E43" s="9"/>
    </row>
    <row r="44" spans="1:5" x14ac:dyDescent="0.4">
      <c r="A44" s="2">
        <v>3</v>
      </c>
      <c r="B44" s="1" t="e">
        <f t="shared" si="1"/>
        <v>#N/A</v>
      </c>
      <c r="C44" s="9"/>
      <c r="D44" s="8"/>
      <c r="E44" s="9"/>
    </row>
    <row r="46" spans="1:5" x14ac:dyDescent="0.4">
      <c r="D46" s="5" t="s">
        <v>256</v>
      </c>
    </row>
    <row r="47" spans="1:5" x14ac:dyDescent="0.4">
      <c r="D47" s="5" t="s">
        <v>254</v>
      </c>
    </row>
    <row r="48" spans="1:5" x14ac:dyDescent="0.4">
      <c r="D48" s="5" t="s">
        <v>255</v>
      </c>
    </row>
    <row r="50" spans="1:6" ht="19.5" x14ac:dyDescent="0.4">
      <c r="A50" s="3" t="s">
        <v>259</v>
      </c>
      <c r="D50" s="14" t="e">
        <f>A3&amp;"_"&amp;B3&amp;"_"&amp;"R7４地区夏季リー研申込"</f>
        <v>#N/A</v>
      </c>
      <c r="E50" s="14"/>
      <c r="F50" s="14"/>
    </row>
  </sheetData>
  <sheetProtection sheet="1" objects="1" scenarios="1" selectLockedCells="1"/>
  <mergeCells count="1">
    <mergeCell ref="D50:F50"/>
  </mergeCells>
  <phoneticPr fontId="1"/>
  <conditionalFormatting sqref="C10:E10">
    <cfRule type="expression" dxfId="22" priority="23">
      <formula>$A$6=1</formula>
    </cfRule>
  </conditionalFormatting>
  <conditionalFormatting sqref="C10:E11">
    <cfRule type="expression" dxfId="21" priority="22">
      <formula>$A$6=2</formula>
    </cfRule>
  </conditionalFormatting>
  <conditionalFormatting sqref="C10:E12">
    <cfRule type="expression" dxfId="20" priority="21">
      <formula>$A$6=3</formula>
    </cfRule>
  </conditionalFormatting>
  <conditionalFormatting sqref="C10:E13">
    <cfRule type="expression" dxfId="19" priority="20">
      <formula>$A$6=4</formula>
    </cfRule>
  </conditionalFormatting>
  <conditionalFormatting sqref="C10:E14">
    <cfRule type="expression" dxfId="18" priority="19">
      <formula>$A$6=5</formula>
    </cfRule>
  </conditionalFormatting>
  <conditionalFormatting sqref="C10:E15">
    <cfRule type="expression" dxfId="17" priority="18">
      <formula>$A$6=6</formula>
    </cfRule>
  </conditionalFormatting>
  <conditionalFormatting sqref="C10:E16">
    <cfRule type="expression" dxfId="16" priority="17">
      <formula>$A$6=7</formula>
    </cfRule>
  </conditionalFormatting>
  <conditionalFormatting sqref="C10:E17">
    <cfRule type="expression" dxfId="15" priority="16">
      <formula>$A$6=8</formula>
    </cfRule>
  </conditionalFormatting>
  <conditionalFormatting sqref="C10:E18">
    <cfRule type="expression" dxfId="14" priority="15">
      <formula>$A$6=9</formula>
    </cfRule>
  </conditionalFormatting>
  <conditionalFormatting sqref="C10:E19">
    <cfRule type="expression" dxfId="13" priority="14">
      <formula>$A$6=10</formula>
    </cfRule>
  </conditionalFormatting>
  <conditionalFormatting sqref="C10:E20">
    <cfRule type="expression" dxfId="12" priority="13">
      <formula>$A$6=11</formula>
    </cfRule>
  </conditionalFormatting>
  <conditionalFormatting sqref="C10:E21">
    <cfRule type="expression" dxfId="11" priority="12">
      <formula>$A$6=12</formula>
    </cfRule>
  </conditionalFormatting>
  <conditionalFormatting sqref="C10:E22">
    <cfRule type="expression" dxfId="10" priority="11">
      <formula>$A$6=13</formula>
    </cfRule>
  </conditionalFormatting>
  <conditionalFormatting sqref="C10:E23">
    <cfRule type="expression" dxfId="9" priority="10">
      <formula>$A$6=14</formula>
    </cfRule>
  </conditionalFormatting>
  <conditionalFormatting sqref="C10:E24">
    <cfRule type="expression" dxfId="8" priority="9">
      <formula>$A$6=15</formula>
    </cfRule>
  </conditionalFormatting>
  <conditionalFormatting sqref="C10:E25">
    <cfRule type="expression" dxfId="7" priority="8">
      <formula>$A$6=16</formula>
    </cfRule>
  </conditionalFormatting>
  <conditionalFormatting sqref="C10:E26">
    <cfRule type="expression" dxfId="6" priority="7">
      <formula>$A$6=17</formula>
    </cfRule>
  </conditionalFormatting>
  <conditionalFormatting sqref="C10:E27">
    <cfRule type="expression" dxfId="5" priority="6">
      <formula>$A$6=18</formula>
    </cfRule>
  </conditionalFormatting>
  <conditionalFormatting sqref="C10:E28">
    <cfRule type="expression" dxfId="4" priority="5">
      <formula>$A$6=19</formula>
    </cfRule>
  </conditionalFormatting>
  <conditionalFormatting sqref="C10:E29">
    <cfRule type="expression" dxfId="3" priority="4">
      <formula>$A$6=20</formula>
    </cfRule>
  </conditionalFormatting>
  <conditionalFormatting sqref="C42:E42">
    <cfRule type="expression" dxfId="2" priority="3">
      <formula>$A$38=1</formula>
    </cfRule>
  </conditionalFormatting>
  <conditionalFormatting sqref="C42:E43">
    <cfRule type="expression" dxfId="1" priority="2">
      <formula>$A$38=2</formula>
    </cfRule>
  </conditionalFormatting>
  <conditionalFormatting sqref="C42:E44">
    <cfRule type="expression" dxfId="0" priority="1">
      <formula>$A$38=3</formula>
    </cfRule>
  </conditionalFormatting>
  <dataValidations count="3">
    <dataValidation type="list" allowBlank="1" showInputMessage="1" showErrorMessage="1" sqref="D10:D29" xr:uid="{2F13CAA5-8601-46AC-BC0A-0A9D12C26607}">
      <formula1>$D$31:$D$36</formula1>
    </dataValidation>
    <dataValidation type="list" allowBlank="1" showInputMessage="1" showErrorMessage="1" sqref="E10:E29" xr:uid="{423D4607-187A-4BB7-94D6-C80D41D9E112}">
      <formula1>$E$31:$E$33</formula1>
    </dataValidation>
    <dataValidation type="list" allowBlank="1" showInputMessage="1" showErrorMessage="1" sqref="D42:D44" xr:uid="{BB965E6E-BAAB-4688-8244-90B0DF184CC7}">
      <formula1>$D$46:$D$48</formula1>
    </dataValidation>
  </dataValidations>
  <pageMargins left="0.7" right="0.7" top="0.75" bottom="0.75" header="0.3" footer="0.3"/>
  <pageSetup paperSize="9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E19209-4826-470C-9C59-76A98EE7E20D}">
  <dimension ref="A1:P31"/>
  <sheetViews>
    <sheetView workbookViewId="0">
      <selection activeCell="I3" sqref="I3:P3"/>
    </sheetView>
  </sheetViews>
  <sheetFormatPr defaultColWidth="9" defaultRowHeight="13.5" x14ac:dyDescent="0.4"/>
  <cols>
    <col min="1" max="16" width="4.5" style="10" customWidth="1"/>
    <col min="17" max="16384" width="9" style="10"/>
  </cols>
  <sheetData>
    <row r="1" spans="1:16" x14ac:dyDescent="0.4">
      <c r="A1" s="25" t="s">
        <v>272</v>
      </c>
      <c r="B1" s="25"/>
      <c r="C1" s="25"/>
      <c r="D1" s="25"/>
      <c r="E1" s="25"/>
      <c r="F1" s="25"/>
      <c r="G1" s="25"/>
      <c r="H1" s="25"/>
      <c r="I1" s="25"/>
      <c r="J1" s="25"/>
      <c r="K1" s="25"/>
      <c r="L1" s="25"/>
      <c r="M1" s="25"/>
      <c r="N1" s="25"/>
      <c r="O1" s="25"/>
      <c r="P1" s="25"/>
    </row>
    <row r="2" spans="1:16" x14ac:dyDescent="0.4">
      <c r="A2" s="25"/>
      <c r="B2" s="25"/>
      <c r="C2" s="25"/>
      <c r="D2" s="25"/>
      <c r="E2" s="25"/>
      <c r="F2" s="25"/>
      <c r="G2" s="25"/>
      <c r="H2" s="25"/>
      <c r="I2" s="25"/>
      <c r="J2" s="25"/>
      <c r="K2" s="25"/>
      <c r="L2" s="25"/>
      <c r="M2" s="25"/>
      <c r="N2" s="25"/>
      <c r="O2" s="25"/>
      <c r="P2" s="25"/>
    </row>
    <row r="3" spans="1:16" ht="27.75" customHeight="1" x14ac:dyDescent="0.4">
      <c r="A3" s="25" t="s">
        <v>261</v>
      </c>
      <c r="B3" s="25"/>
      <c r="C3" s="25"/>
      <c r="D3" s="25"/>
      <c r="E3" s="25"/>
      <c r="F3" s="25"/>
      <c r="G3" s="25"/>
      <c r="H3" s="25"/>
      <c r="I3" s="25" t="e">
        <f>エントリー!A3&amp;"　・　"&amp;エントリー!B3</f>
        <v>#N/A</v>
      </c>
      <c r="J3" s="25"/>
      <c r="K3" s="25"/>
      <c r="L3" s="25"/>
      <c r="M3" s="25"/>
      <c r="N3" s="25"/>
      <c r="O3" s="25"/>
      <c r="P3" s="25"/>
    </row>
    <row r="4" spans="1:16" ht="13.5" customHeight="1" x14ac:dyDescent="0.4">
      <c r="A4" s="11" t="s">
        <v>262</v>
      </c>
      <c r="B4" s="22" t="s">
        <v>263</v>
      </c>
      <c r="C4" s="22"/>
      <c r="D4" s="22"/>
      <c r="E4" s="22"/>
      <c r="F4" s="22"/>
      <c r="G4" s="16" t="s">
        <v>264</v>
      </c>
      <c r="H4" s="17"/>
      <c r="I4" s="17"/>
      <c r="J4" s="17"/>
      <c r="K4" s="17"/>
      <c r="L4" s="17"/>
      <c r="M4" s="17"/>
      <c r="N4" s="17"/>
      <c r="O4" s="17"/>
      <c r="P4" s="18"/>
    </row>
    <row r="5" spans="1:16" ht="27" customHeight="1" x14ac:dyDescent="0.4">
      <c r="A5" s="11">
        <v>1</v>
      </c>
      <c r="B5" s="22" t="str">
        <f>IF(エントリー!C42="","",エントリー!C42)</f>
        <v/>
      </c>
      <c r="C5" s="22"/>
      <c r="D5" s="22"/>
      <c r="E5" s="22"/>
      <c r="F5" s="22"/>
      <c r="G5" s="19" t="str">
        <f>IF(エントリー!E42="","",エントリー!E42)</f>
        <v/>
      </c>
      <c r="H5" s="20"/>
      <c r="I5" s="20"/>
      <c r="J5" s="20"/>
      <c r="K5" s="20"/>
      <c r="L5" s="20"/>
      <c r="M5" s="20"/>
      <c r="N5" s="20"/>
      <c r="O5" s="20"/>
      <c r="P5" s="21"/>
    </row>
    <row r="6" spans="1:16" ht="27" customHeight="1" x14ac:dyDescent="0.4">
      <c r="A6" s="11">
        <v>2</v>
      </c>
      <c r="B6" s="22" t="str">
        <f>IF(エントリー!C43="","",エントリー!C43)</f>
        <v/>
      </c>
      <c r="C6" s="22"/>
      <c r="D6" s="22"/>
      <c r="E6" s="22"/>
      <c r="F6" s="22"/>
      <c r="G6" s="19" t="str">
        <f>IF(エントリー!E43="","",エントリー!E43)</f>
        <v/>
      </c>
      <c r="H6" s="20"/>
      <c r="I6" s="20"/>
      <c r="J6" s="20"/>
      <c r="K6" s="20"/>
      <c r="L6" s="20"/>
      <c r="M6" s="20"/>
      <c r="N6" s="20"/>
      <c r="O6" s="20"/>
      <c r="P6" s="21"/>
    </row>
    <row r="7" spans="1:16" ht="27" customHeight="1" x14ac:dyDescent="0.4">
      <c r="A7" s="11">
        <v>3</v>
      </c>
      <c r="B7" s="22" t="str">
        <f>IF(エントリー!C44="","",エントリー!C44)</f>
        <v/>
      </c>
      <c r="C7" s="22"/>
      <c r="D7" s="22"/>
      <c r="E7" s="22"/>
      <c r="F7" s="22"/>
      <c r="G7" s="19" t="str">
        <f>IF(エントリー!E44="","",エントリー!E44)</f>
        <v/>
      </c>
      <c r="H7" s="20"/>
      <c r="I7" s="20"/>
      <c r="J7" s="20"/>
      <c r="K7" s="20"/>
      <c r="L7" s="20"/>
      <c r="M7" s="20"/>
      <c r="N7" s="20"/>
      <c r="O7" s="20"/>
      <c r="P7" s="21"/>
    </row>
    <row r="8" spans="1:16" x14ac:dyDescent="0.4">
      <c r="A8" s="11" t="s">
        <v>265</v>
      </c>
      <c r="B8" s="22" t="s">
        <v>263</v>
      </c>
      <c r="C8" s="22"/>
      <c r="D8" s="22"/>
      <c r="E8" s="22"/>
      <c r="F8" s="22"/>
      <c r="G8" s="22" t="s">
        <v>3</v>
      </c>
      <c r="H8" s="22"/>
      <c r="I8" s="22"/>
      <c r="J8" s="22" t="s">
        <v>266</v>
      </c>
      <c r="K8" s="22"/>
      <c r="L8" s="22"/>
      <c r="M8" s="22"/>
      <c r="N8" s="22"/>
      <c r="O8" s="22"/>
      <c r="P8" s="22"/>
    </row>
    <row r="9" spans="1:16" ht="27" customHeight="1" x14ac:dyDescent="0.4">
      <c r="A9" s="11">
        <v>1</v>
      </c>
      <c r="B9" s="22" t="str">
        <f>IF(エントリー!C10="","",エントリー!C10)</f>
        <v/>
      </c>
      <c r="C9" s="22"/>
      <c r="D9" s="22"/>
      <c r="E9" s="22"/>
      <c r="F9" s="22"/>
      <c r="G9" s="23" t="str">
        <f>IF(エントリー!D10="","",エントリー!D10)</f>
        <v/>
      </c>
      <c r="H9" s="23"/>
      <c r="I9" s="23"/>
      <c r="J9" s="24"/>
      <c r="K9" s="24"/>
      <c r="L9" s="24"/>
      <c r="M9" s="24"/>
      <c r="N9" s="24"/>
      <c r="O9" s="24"/>
      <c r="P9" s="24"/>
    </row>
    <row r="10" spans="1:16" ht="27" customHeight="1" x14ac:dyDescent="0.4">
      <c r="A10" s="11">
        <v>2</v>
      </c>
      <c r="B10" s="22" t="str">
        <f>IF(エントリー!C11="","",エントリー!C11)</f>
        <v/>
      </c>
      <c r="C10" s="22"/>
      <c r="D10" s="22"/>
      <c r="E10" s="22"/>
      <c r="F10" s="22"/>
      <c r="G10" s="23" t="str">
        <f>IF(エントリー!D11="","",エントリー!D11)</f>
        <v/>
      </c>
      <c r="H10" s="23"/>
      <c r="I10" s="23"/>
      <c r="J10" s="24"/>
      <c r="K10" s="24"/>
      <c r="L10" s="24"/>
      <c r="M10" s="24"/>
      <c r="N10" s="24"/>
      <c r="O10" s="24"/>
      <c r="P10" s="24"/>
    </row>
    <row r="11" spans="1:16" ht="27" customHeight="1" x14ac:dyDescent="0.4">
      <c r="A11" s="11">
        <v>3</v>
      </c>
      <c r="B11" s="22" t="str">
        <f>IF(エントリー!C12="","",エントリー!C12)</f>
        <v/>
      </c>
      <c r="C11" s="22"/>
      <c r="D11" s="22"/>
      <c r="E11" s="22"/>
      <c r="F11" s="22"/>
      <c r="G11" s="23" t="str">
        <f>IF(エントリー!D12="","",エントリー!D12)</f>
        <v/>
      </c>
      <c r="H11" s="23"/>
      <c r="I11" s="23"/>
      <c r="J11" s="24"/>
      <c r="K11" s="24"/>
      <c r="L11" s="24"/>
      <c r="M11" s="24"/>
      <c r="N11" s="24"/>
      <c r="O11" s="24"/>
      <c r="P11" s="24"/>
    </row>
    <row r="12" spans="1:16" ht="27" customHeight="1" x14ac:dyDescent="0.4">
      <c r="A12" s="11">
        <v>4</v>
      </c>
      <c r="B12" s="22" t="str">
        <f>IF(エントリー!C13="","",エントリー!C13)</f>
        <v/>
      </c>
      <c r="C12" s="22"/>
      <c r="D12" s="22"/>
      <c r="E12" s="22"/>
      <c r="F12" s="22"/>
      <c r="G12" s="23" t="str">
        <f>IF(エントリー!D13="","",エントリー!D13)</f>
        <v/>
      </c>
      <c r="H12" s="23"/>
      <c r="I12" s="23"/>
      <c r="J12" s="24"/>
      <c r="K12" s="24"/>
      <c r="L12" s="24"/>
      <c r="M12" s="24"/>
      <c r="N12" s="24"/>
      <c r="O12" s="24"/>
      <c r="P12" s="24"/>
    </row>
    <row r="13" spans="1:16" ht="27" customHeight="1" x14ac:dyDescent="0.4">
      <c r="A13" s="11">
        <v>5</v>
      </c>
      <c r="B13" s="22" t="str">
        <f>IF(エントリー!C14="","",エントリー!C14)</f>
        <v/>
      </c>
      <c r="C13" s="22"/>
      <c r="D13" s="22"/>
      <c r="E13" s="22"/>
      <c r="F13" s="22"/>
      <c r="G13" s="23" t="str">
        <f>IF(エントリー!D14="","",エントリー!D14)</f>
        <v/>
      </c>
      <c r="H13" s="23"/>
      <c r="I13" s="23"/>
      <c r="J13" s="24"/>
      <c r="K13" s="24"/>
      <c r="L13" s="24"/>
      <c r="M13" s="24"/>
      <c r="N13" s="24"/>
      <c r="O13" s="24"/>
      <c r="P13" s="24"/>
    </row>
    <row r="14" spans="1:16" ht="27" customHeight="1" x14ac:dyDescent="0.4">
      <c r="A14" s="11">
        <v>6</v>
      </c>
      <c r="B14" s="22" t="str">
        <f>IF(エントリー!C15="","",エントリー!C15)</f>
        <v/>
      </c>
      <c r="C14" s="22"/>
      <c r="D14" s="22"/>
      <c r="E14" s="22"/>
      <c r="F14" s="22"/>
      <c r="G14" s="23" t="str">
        <f>IF(エントリー!D15="","",エントリー!D15)</f>
        <v/>
      </c>
      <c r="H14" s="23"/>
      <c r="I14" s="23"/>
      <c r="J14" s="24"/>
      <c r="K14" s="24"/>
      <c r="L14" s="24"/>
      <c r="M14" s="24"/>
      <c r="N14" s="24"/>
      <c r="O14" s="24"/>
      <c r="P14" s="24"/>
    </row>
    <row r="15" spans="1:16" ht="27" customHeight="1" x14ac:dyDescent="0.4">
      <c r="A15" s="11">
        <v>7</v>
      </c>
      <c r="B15" s="22" t="str">
        <f>IF(エントリー!C16="","",エントリー!C16)</f>
        <v/>
      </c>
      <c r="C15" s="22"/>
      <c r="D15" s="22"/>
      <c r="E15" s="22"/>
      <c r="F15" s="22"/>
      <c r="G15" s="23" t="str">
        <f>IF(エントリー!D16="","",エントリー!D16)</f>
        <v/>
      </c>
      <c r="H15" s="23"/>
      <c r="I15" s="23"/>
      <c r="J15" s="24"/>
      <c r="K15" s="24"/>
      <c r="L15" s="24"/>
      <c r="M15" s="24"/>
      <c r="N15" s="24"/>
      <c r="O15" s="24"/>
      <c r="P15" s="24"/>
    </row>
    <row r="16" spans="1:16" ht="27" customHeight="1" x14ac:dyDescent="0.4">
      <c r="A16" s="11">
        <v>8</v>
      </c>
      <c r="B16" s="22" t="str">
        <f>IF(エントリー!C17="","",エントリー!C17)</f>
        <v/>
      </c>
      <c r="C16" s="22"/>
      <c r="D16" s="22"/>
      <c r="E16" s="22"/>
      <c r="F16" s="22"/>
      <c r="G16" s="23" t="str">
        <f>IF(エントリー!D17="","",エントリー!D17)</f>
        <v/>
      </c>
      <c r="H16" s="23"/>
      <c r="I16" s="23"/>
      <c r="J16" s="24"/>
      <c r="K16" s="24"/>
      <c r="L16" s="24"/>
      <c r="M16" s="24"/>
      <c r="N16" s="24"/>
      <c r="O16" s="24"/>
      <c r="P16" s="24"/>
    </row>
    <row r="17" spans="1:16" ht="27" customHeight="1" x14ac:dyDescent="0.4">
      <c r="A17" s="11">
        <v>9</v>
      </c>
      <c r="B17" s="22" t="str">
        <f>IF(エントリー!C18="","",エントリー!C18)</f>
        <v/>
      </c>
      <c r="C17" s="22"/>
      <c r="D17" s="22"/>
      <c r="E17" s="22"/>
      <c r="F17" s="22"/>
      <c r="G17" s="23" t="str">
        <f>IF(エントリー!D18="","",エントリー!D18)</f>
        <v/>
      </c>
      <c r="H17" s="23"/>
      <c r="I17" s="23"/>
      <c r="J17" s="24"/>
      <c r="K17" s="24"/>
      <c r="L17" s="24"/>
      <c r="M17" s="24"/>
      <c r="N17" s="24"/>
      <c r="O17" s="24"/>
      <c r="P17" s="24"/>
    </row>
    <row r="18" spans="1:16" ht="27" customHeight="1" x14ac:dyDescent="0.4">
      <c r="A18" s="11">
        <v>10</v>
      </c>
      <c r="B18" s="22" t="str">
        <f>IF(エントリー!C19="","",エントリー!C19)</f>
        <v/>
      </c>
      <c r="C18" s="22"/>
      <c r="D18" s="22"/>
      <c r="E18" s="22"/>
      <c r="F18" s="22"/>
      <c r="G18" s="23" t="str">
        <f>IF(エントリー!D19="","",エントリー!D19)</f>
        <v/>
      </c>
      <c r="H18" s="23"/>
      <c r="I18" s="23"/>
      <c r="J18" s="24"/>
      <c r="K18" s="24"/>
      <c r="L18" s="24"/>
      <c r="M18" s="24"/>
      <c r="N18" s="24"/>
      <c r="O18" s="24"/>
      <c r="P18" s="24"/>
    </row>
    <row r="19" spans="1:16" ht="27" customHeight="1" x14ac:dyDescent="0.4">
      <c r="A19" s="11">
        <v>11</v>
      </c>
      <c r="B19" s="22" t="str">
        <f>IF(エントリー!C20="","",エントリー!C20)</f>
        <v/>
      </c>
      <c r="C19" s="22"/>
      <c r="D19" s="22"/>
      <c r="E19" s="22"/>
      <c r="F19" s="22"/>
      <c r="G19" s="23" t="str">
        <f>IF(エントリー!D20="","",エントリー!D20)</f>
        <v/>
      </c>
      <c r="H19" s="23"/>
      <c r="I19" s="23"/>
      <c r="J19" s="24"/>
      <c r="K19" s="24"/>
      <c r="L19" s="24"/>
      <c r="M19" s="24"/>
      <c r="N19" s="24"/>
      <c r="O19" s="24"/>
      <c r="P19" s="24"/>
    </row>
    <row r="20" spans="1:16" ht="27" customHeight="1" x14ac:dyDescent="0.4">
      <c r="A20" s="11">
        <v>12</v>
      </c>
      <c r="B20" s="22" t="str">
        <f>IF(エントリー!C21="","",エントリー!C21)</f>
        <v/>
      </c>
      <c r="C20" s="22"/>
      <c r="D20" s="22"/>
      <c r="E20" s="22"/>
      <c r="F20" s="22"/>
      <c r="G20" s="23" t="str">
        <f>IF(エントリー!D21="","",エントリー!D21)</f>
        <v/>
      </c>
      <c r="H20" s="23"/>
      <c r="I20" s="23"/>
      <c r="J20" s="24"/>
      <c r="K20" s="24"/>
      <c r="L20" s="24"/>
      <c r="M20" s="24"/>
      <c r="N20" s="24"/>
      <c r="O20" s="24"/>
      <c r="P20" s="24"/>
    </row>
    <row r="21" spans="1:16" ht="27" customHeight="1" x14ac:dyDescent="0.4">
      <c r="A21" s="11">
        <v>13</v>
      </c>
      <c r="B21" s="22" t="str">
        <f>IF(エントリー!C22="","",エントリー!C22)</f>
        <v/>
      </c>
      <c r="C21" s="22"/>
      <c r="D21" s="22"/>
      <c r="E21" s="22"/>
      <c r="F21" s="22"/>
      <c r="G21" s="23" t="str">
        <f>IF(エントリー!D22="","",エントリー!D22)</f>
        <v/>
      </c>
      <c r="H21" s="23"/>
      <c r="I21" s="23"/>
      <c r="J21" s="24"/>
      <c r="K21" s="24"/>
      <c r="L21" s="24"/>
      <c r="M21" s="24"/>
      <c r="N21" s="24"/>
      <c r="O21" s="24"/>
      <c r="P21" s="24"/>
    </row>
    <row r="22" spans="1:16" ht="27" customHeight="1" x14ac:dyDescent="0.4">
      <c r="A22" s="11">
        <v>14</v>
      </c>
      <c r="B22" s="22" t="str">
        <f>IF(エントリー!C23="","",エントリー!C23)</f>
        <v/>
      </c>
      <c r="C22" s="22"/>
      <c r="D22" s="22"/>
      <c r="E22" s="22"/>
      <c r="F22" s="22"/>
      <c r="G22" s="23" t="str">
        <f>IF(エントリー!D23="","",エントリー!D23)</f>
        <v/>
      </c>
      <c r="H22" s="23"/>
      <c r="I22" s="23"/>
      <c r="J22" s="24"/>
      <c r="K22" s="24"/>
      <c r="L22" s="24"/>
      <c r="M22" s="24"/>
      <c r="N22" s="24"/>
      <c r="O22" s="24"/>
      <c r="P22" s="24"/>
    </row>
    <row r="23" spans="1:16" ht="27" customHeight="1" x14ac:dyDescent="0.4">
      <c r="A23" s="11">
        <v>15</v>
      </c>
      <c r="B23" s="22" t="str">
        <f>IF(エントリー!C24="","",エントリー!C24)</f>
        <v/>
      </c>
      <c r="C23" s="22"/>
      <c r="D23" s="22"/>
      <c r="E23" s="22"/>
      <c r="F23" s="22"/>
      <c r="G23" s="23" t="str">
        <f>IF(エントリー!D24="","",エントリー!D24)</f>
        <v/>
      </c>
      <c r="H23" s="23"/>
      <c r="I23" s="23"/>
      <c r="J23" s="24"/>
      <c r="K23" s="24"/>
      <c r="L23" s="24"/>
      <c r="M23" s="24"/>
      <c r="N23" s="24"/>
      <c r="O23" s="24"/>
      <c r="P23" s="24"/>
    </row>
    <row r="24" spans="1:16" ht="27" customHeight="1" x14ac:dyDescent="0.4">
      <c r="A24" s="11">
        <v>16</v>
      </c>
      <c r="B24" s="22" t="str">
        <f>IF(エントリー!C25="","",エントリー!C25)</f>
        <v/>
      </c>
      <c r="C24" s="22"/>
      <c r="D24" s="22"/>
      <c r="E24" s="22"/>
      <c r="F24" s="22"/>
      <c r="G24" s="23" t="str">
        <f>IF(エントリー!D25="","",エントリー!D25)</f>
        <v/>
      </c>
      <c r="H24" s="23"/>
      <c r="I24" s="23"/>
      <c r="J24" s="24"/>
      <c r="K24" s="24"/>
      <c r="L24" s="24"/>
      <c r="M24" s="24"/>
      <c r="N24" s="24"/>
      <c r="O24" s="24"/>
      <c r="P24" s="24"/>
    </row>
    <row r="25" spans="1:16" ht="27" customHeight="1" x14ac:dyDescent="0.4">
      <c r="A25" s="11">
        <v>17</v>
      </c>
      <c r="B25" s="22" t="str">
        <f>IF(エントリー!C26="","",エントリー!C26)</f>
        <v/>
      </c>
      <c r="C25" s="22"/>
      <c r="D25" s="22"/>
      <c r="E25" s="22"/>
      <c r="F25" s="22"/>
      <c r="G25" s="23" t="str">
        <f>IF(エントリー!D26="","",エントリー!D26)</f>
        <v/>
      </c>
      <c r="H25" s="23"/>
      <c r="I25" s="23"/>
      <c r="J25" s="24"/>
      <c r="K25" s="24"/>
      <c r="L25" s="24"/>
      <c r="M25" s="24"/>
      <c r="N25" s="24"/>
      <c r="O25" s="24"/>
      <c r="P25" s="24"/>
    </row>
    <row r="26" spans="1:16" ht="27" customHeight="1" x14ac:dyDescent="0.4">
      <c r="A26" s="11">
        <v>18</v>
      </c>
      <c r="B26" s="22" t="str">
        <f>IF(エントリー!C27="","",エントリー!C27)</f>
        <v/>
      </c>
      <c r="C26" s="22"/>
      <c r="D26" s="22"/>
      <c r="E26" s="22"/>
      <c r="F26" s="22"/>
      <c r="G26" s="23" t="str">
        <f>IF(エントリー!D27="","",エントリー!D27)</f>
        <v/>
      </c>
      <c r="H26" s="23"/>
      <c r="I26" s="23"/>
      <c r="J26" s="24"/>
      <c r="K26" s="24"/>
      <c r="L26" s="24"/>
      <c r="M26" s="24"/>
      <c r="N26" s="24"/>
      <c r="O26" s="24"/>
      <c r="P26" s="24"/>
    </row>
    <row r="27" spans="1:16" ht="27" customHeight="1" x14ac:dyDescent="0.4">
      <c r="A27" s="11">
        <v>19</v>
      </c>
      <c r="B27" s="22" t="str">
        <f>IF(エントリー!C28="","",エントリー!C28)</f>
        <v/>
      </c>
      <c r="C27" s="22"/>
      <c r="D27" s="22"/>
      <c r="E27" s="22"/>
      <c r="F27" s="22"/>
      <c r="G27" s="23" t="str">
        <f>IF(エントリー!D28="","",エントリー!D28)</f>
        <v/>
      </c>
      <c r="H27" s="23"/>
      <c r="I27" s="23"/>
      <c r="J27" s="24"/>
      <c r="K27" s="24"/>
      <c r="L27" s="24"/>
      <c r="M27" s="24"/>
      <c r="N27" s="24"/>
      <c r="O27" s="24"/>
      <c r="P27" s="24"/>
    </row>
    <row r="28" spans="1:16" ht="27" customHeight="1" x14ac:dyDescent="0.4">
      <c r="A28" s="11">
        <v>20</v>
      </c>
      <c r="B28" s="22" t="str">
        <f>IF(エントリー!C29="","",エントリー!C29)</f>
        <v/>
      </c>
      <c r="C28" s="22"/>
      <c r="D28" s="22"/>
      <c r="E28" s="22"/>
      <c r="F28" s="22"/>
      <c r="G28" s="23" t="str">
        <f>IF(エントリー!D29="","",エントリー!D29)</f>
        <v/>
      </c>
      <c r="H28" s="23"/>
      <c r="I28" s="23"/>
      <c r="J28" s="24"/>
      <c r="K28" s="24"/>
      <c r="L28" s="24"/>
      <c r="M28" s="24"/>
      <c r="N28" s="24"/>
      <c r="O28" s="24"/>
      <c r="P28" s="24"/>
    </row>
    <row r="30" spans="1:16" s="12" customFormat="1" x14ac:dyDescent="0.4">
      <c r="A30" s="15" t="s">
        <v>267</v>
      </c>
      <c r="B30" s="15"/>
      <c r="C30" s="15"/>
      <c r="D30" s="15" t="str">
        <f>IF(エントリー!A6="","",エントリー!A6)</f>
        <v/>
      </c>
      <c r="E30" s="15" t="s">
        <v>268</v>
      </c>
      <c r="F30" s="15" t="s">
        <v>269</v>
      </c>
      <c r="G30" s="15" t="s">
        <v>262</v>
      </c>
      <c r="H30" s="15"/>
      <c r="I30" s="15"/>
      <c r="J30" s="15" t="str">
        <f>IF(エントリー!A38="","",エントリー!A38)</f>
        <v/>
      </c>
      <c r="K30" s="15" t="s">
        <v>268</v>
      </c>
      <c r="L30" s="15" t="s">
        <v>270</v>
      </c>
      <c r="M30" s="15" t="str">
        <f>IFERROR(D30+J30,"")</f>
        <v/>
      </c>
      <c r="N30" s="15"/>
      <c r="O30" s="15"/>
      <c r="P30" s="15" t="s">
        <v>271</v>
      </c>
    </row>
    <row r="31" spans="1:16" s="12" customFormat="1" x14ac:dyDescent="0.4">
      <c r="A31" s="15"/>
      <c r="B31" s="15"/>
      <c r="C31" s="15"/>
      <c r="D31" s="15"/>
      <c r="E31" s="15"/>
      <c r="F31" s="15"/>
      <c r="G31" s="15"/>
      <c r="H31" s="15"/>
      <c r="I31" s="15"/>
      <c r="J31" s="15"/>
      <c r="K31" s="15"/>
      <c r="L31" s="15"/>
      <c r="M31" s="15"/>
      <c r="N31" s="15"/>
      <c r="O31" s="15"/>
      <c r="P31" s="15"/>
    </row>
  </sheetData>
  <mergeCells count="84">
    <mergeCell ref="A1:P2"/>
    <mergeCell ref="A3:H3"/>
    <mergeCell ref="I3:P3"/>
    <mergeCell ref="B4:F4"/>
    <mergeCell ref="B7:F7"/>
    <mergeCell ref="B8:F8"/>
    <mergeCell ref="G8:I8"/>
    <mergeCell ref="J8:P8"/>
    <mergeCell ref="B5:F5"/>
    <mergeCell ref="B6:F6"/>
    <mergeCell ref="B9:F9"/>
    <mergeCell ref="G9:I9"/>
    <mergeCell ref="J9:P9"/>
    <mergeCell ref="B10:F10"/>
    <mergeCell ref="G10:I10"/>
    <mergeCell ref="J10:P10"/>
    <mergeCell ref="B11:F11"/>
    <mergeCell ref="G11:I11"/>
    <mergeCell ref="J11:P11"/>
    <mergeCell ref="B12:F12"/>
    <mergeCell ref="G12:I12"/>
    <mergeCell ref="J12:P12"/>
    <mergeCell ref="B13:F13"/>
    <mergeCell ref="G13:I13"/>
    <mergeCell ref="J13:P13"/>
    <mergeCell ref="B14:F14"/>
    <mergeCell ref="G14:I14"/>
    <mergeCell ref="J14:P14"/>
    <mergeCell ref="B15:F15"/>
    <mergeCell ref="G15:I15"/>
    <mergeCell ref="J15:P15"/>
    <mergeCell ref="B16:F16"/>
    <mergeCell ref="G16:I16"/>
    <mergeCell ref="J16:P16"/>
    <mergeCell ref="B17:F17"/>
    <mergeCell ref="G17:I17"/>
    <mergeCell ref="J17:P17"/>
    <mergeCell ref="B18:F18"/>
    <mergeCell ref="G18:I18"/>
    <mergeCell ref="J18:P18"/>
    <mergeCell ref="B19:F19"/>
    <mergeCell ref="G19:I19"/>
    <mergeCell ref="J19:P19"/>
    <mergeCell ref="B20:F20"/>
    <mergeCell ref="G20:I20"/>
    <mergeCell ref="J20:P20"/>
    <mergeCell ref="B21:F21"/>
    <mergeCell ref="G21:I21"/>
    <mergeCell ref="J21:P21"/>
    <mergeCell ref="B22:F22"/>
    <mergeCell ref="G22:I22"/>
    <mergeCell ref="J22:P22"/>
    <mergeCell ref="B23:F23"/>
    <mergeCell ref="G23:I23"/>
    <mergeCell ref="J23:P23"/>
    <mergeCell ref="B24:F24"/>
    <mergeCell ref="G24:I24"/>
    <mergeCell ref="J24:P24"/>
    <mergeCell ref="B25:F25"/>
    <mergeCell ref="G25:I25"/>
    <mergeCell ref="J25:P25"/>
    <mergeCell ref="B26:F26"/>
    <mergeCell ref="G26:I26"/>
    <mergeCell ref="J26:P26"/>
    <mergeCell ref="B27:F27"/>
    <mergeCell ref="G27:I27"/>
    <mergeCell ref="J27:P27"/>
    <mergeCell ref="B28:F28"/>
    <mergeCell ref="G28:I28"/>
    <mergeCell ref="J28:P28"/>
    <mergeCell ref="A30:C31"/>
    <mergeCell ref="D30:D31"/>
    <mergeCell ref="E30:E31"/>
    <mergeCell ref="F30:F31"/>
    <mergeCell ref="G30:I31"/>
    <mergeCell ref="K30:K31"/>
    <mergeCell ref="L30:L31"/>
    <mergeCell ref="M30:O31"/>
    <mergeCell ref="P30:P31"/>
    <mergeCell ref="G4:P4"/>
    <mergeCell ref="G5:P5"/>
    <mergeCell ref="G6:P6"/>
    <mergeCell ref="G7:P7"/>
    <mergeCell ref="J30:J31"/>
  </mergeCells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2F1AA5-81D1-4E73-9047-21EAB3828130}">
  <dimension ref="A1:B258"/>
  <sheetViews>
    <sheetView topLeftCell="A85" workbookViewId="0">
      <selection activeCell="F10" sqref="F10"/>
    </sheetView>
  </sheetViews>
  <sheetFormatPr defaultRowHeight="18.75" x14ac:dyDescent="0.4"/>
  <sheetData>
    <row r="1" spans="1:2" x14ac:dyDescent="0.4">
      <c r="A1" t="s">
        <v>14</v>
      </c>
      <c r="B1" t="s">
        <v>15</v>
      </c>
    </row>
    <row r="2" spans="1:2" x14ac:dyDescent="0.4">
      <c r="A2">
        <v>1001</v>
      </c>
      <c r="B2" t="s">
        <v>16</v>
      </c>
    </row>
    <row r="3" spans="1:2" x14ac:dyDescent="0.4">
      <c r="A3">
        <v>1002</v>
      </c>
      <c r="B3" t="s">
        <v>17</v>
      </c>
    </row>
    <row r="4" spans="1:2" x14ac:dyDescent="0.4">
      <c r="A4">
        <v>1003</v>
      </c>
      <c r="B4" t="s">
        <v>18</v>
      </c>
    </row>
    <row r="5" spans="1:2" x14ac:dyDescent="0.4">
      <c r="A5">
        <v>1004</v>
      </c>
      <c r="B5" t="s">
        <v>19</v>
      </c>
    </row>
    <row r="6" spans="1:2" x14ac:dyDescent="0.4">
      <c r="A6">
        <v>1005</v>
      </c>
      <c r="B6" t="s">
        <v>20</v>
      </c>
    </row>
    <row r="7" spans="1:2" x14ac:dyDescent="0.4">
      <c r="A7">
        <v>1006</v>
      </c>
      <c r="B7" t="s">
        <v>21</v>
      </c>
    </row>
    <row r="8" spans="1:2" x14ac:dyDescent="0.4">
      <c r="A8">
        <v>1007</v>
      </c>
      <c r="B8" t="s">
        <v>22</v>
      </c>
    </row>
    <row r="9" spans="1:2" x14ac:dyDescent="0.4">
      <c r="A9">
        <v>1008</v>
      </c>
      <c r="B9" t="s">
        <v>23</v>
      </c>
    </row>
    <row r="10" spans="1:2" x14ac:dyDescent="0.4">
      <c r="A10">
        <v>1009</v>
      </c>
      <c r="B10" t="s">
        <v>24</v>
      </c>
    </row>
    <row r="11" spans="1:2" x14ac:dyDescent="0.4">
      <c r="A11">
        <v>1010</v>
      </c>
      <c r="B11" t="s">
        <v>25</v>
      </c>
    </row>
    <row r="12" spans="1:2" x14ac:dyDescent="0.4">
      <c r="A12">
        <v>1011</v>
      </c>
      <c r="B12" t="s">
        <v>26</v>
      </c>
    </row>
    <row r="13" spans="1:2" x14ac:dyDescent="0.4">
      <c r="A13">
        <v>1012</v>
      </c>
      <c r="B13" t="s">
        <v>27</v>
      </c>
    </row>
    <row r="14" spans="1:2" x14ac:dyDescent="0.4">
      <c r="A14">
        <v>1013</v>
      </c>
      <c r="B14" t="s">
        <v>28</v>
      </c>
    </row>
    <row r="15" spans="1:2" x14ac:dyDescent="0.4">
      <c r="A15">
        <v>1014</v>
      </c>
      <c r="B15" t="s">
        <v>29</v>
      </c>
    </row>
    <row r="16" spans="1:2" x14ac:dyDescent="0.4">
      <c r="A16">
        <v>1015</v>
      </c>
      <c r="B16" t="s">
        <v>30</v>
      </c>
    </row>
    <row r="17" spans="1:2" x14ac:dyDescent="0.4">
      <c r="A17">
        <v>1016</v>
      </c>
      <c r="B17" t="s">
        <v>31</v>
      </c>
    </row>
    <row r="18" spans="1:2" x14ac:dyDescent="0.4">
      <c r="A18">
        <v>1017</v>
      </c>
      <c r="B18" t="s">
        <v>32</v>
      </c>
    </row>
    <row r="19" spans="1:2" x14ac:dyDescent="0.4">
      <c r="A19">
        <v>1018</v>
      </c>
      <c r="B19" t="s">
        <v>33</v>
      </c>
    </row>
    <row r="20" spans="1:2" x14ac:dyDescent="0.4">
      <c r="A20">
        <v>1019</v>
      </c>
      <c r="B20" t="s">
        <v>34</v>
      </c>
    </row>
    <row r="21" spans="1:2" x14ac:dyDescent="0.4">
      <c r="A21">
        <v>1020</v>
      </c>
      <c r="B21" t="s">
        <v>35</v>
      </c>
    </row>
    <row r="22" spans="1:2" x14ac:dyDescent="0.4">
      <c r="A22">
        <v>1021</v>
      </c>
      <c r="B22" t="s">
        <v>36</v>
      </c>
    </row>
    <row r="23" spans="1:2" x14ac:dyDescent="0.4">
      <c r="A23">
        <v>1022</v>
      </c>
      <c r="B23" t="s">
        <v>37</v>
      </c>
    </row>
    <row r="24" spans="1:2" x14ac:dyDescent="0.4">
      <c r="A24">
        <v>1023</v>
      </c>
      <c r="B24" t="s">
        <v>38</v>
      </c>
    </row>
    <row r="25" spans="1:2" x14ac:dyDescent="0.4">
      <c r="A25">
        <v>1024</v>
      </c>
      <c r="B25" t="s">
        <v>39</v>
      </c>
    </row>
    <row r="26" spans="1:2" x14ac:dyDescent="0.4">
      <c r="A26">
        <v>1025</v>
      </c>
      <c r="B26" t="s">
        <v>40</v>
      </c>
    </row>
    <row r="27" spans="1:2" x14ac:dyDescent="0.4">
      <c r="A27">
        <v>1026</v>
      </c>
      <c r="B27" t="s">
        <v>41</v>
      </c>
    </row>
    <row r="28" spans="1:2" x14ac:dyDescent="0.4">
      <c r="A28">
        <v>1027</v>
      </c>
      <c r="B28" t="s">
        <v>42</v>
      </c>
    </row>
    <row r="29" spans="1:2" x14ac:dyDescent="0.4">
      <c r="A29">
        <v>1028</v>
      </c>
      <c r="B29" t="s">
        <v>43</v>
      </c>
    </row>
    <row r="30" spans="1:2" x14ac:dyDescent="0.4">
      <c r="A30">
        <v>1029</v>
      </c>
      <c r="B30" t="s">
        <v>44</v>
      </c>
    </row>
    <row r="31" spans="1:2" x14ac:dyDescent="0.4">
      <c r="A31">
        <v>1030</v>
      </c>
      <c r="B31" t="s">
        <v>45</v>
      </c>
    </row>
    <row r="32" spans="1:2" x14ac:dyDescent="0.4">
      <c r="A32">
        <v>1031</v>
      </c>
      <c r="B32" t="s">
        <v>46</v>
      </c>
    </row>
    <row r="33" spans="1:2" x14ac:dyDescent="0.4">
      <c r="A33">
        <v>1032</v>
      </c>
      <c r="B33" t="s">
        <v>47</v>
      </c>
    </row>
    <row r="34" spans="1:2" x14ac:dyDescent="0.4">
      <c r="A34">
        <v>1033</v>
      </c>
      <c r="B34" t="s">
        <v>48</v>
      </c>
    </row>
    <row r="35" spans="1:2" x14ac:dyDescent="0.4">
      <c r="A35">
        <v>1034</v>
      </c>
      <c r="B35" t="s">
        <v>49</v>
      </c>
    </row>
    <row r="36" spans="1:2" x14ac:dyDescent="0.4">
      <c r="A36">
        <v>1035</v>
      </c>
      <c r="B36" t="s">
        <v>50</v>
      </c>
    </row>
    <row r="37" spans="1:2" x14ac:dyDescent="0.4">
      <c r="A37">
        <v>1036</v>
      </c>
    </row>
    <row r="38" spans="1:2" x14ac:dyDescent="0.4">
      <c r="A38">
        <v>1037</v>
      </c>
      <c r="B38" t="s">
        <v>51</v>
      </c>
    </row>
    <row r="39" spans="1:2" x14ac:dyDescent="0.4">
      <c r="A39">
        <v>1038</v>
      </c>
      <c r="B39" t="s">
        <v>52</v>
      </c>
    </row>
    <row r="40" spans="1:2" x14ac:dyDescent="0.4">
      <c r="A40">
        <v>1039</v>
      </c>
      <c r="B40" t="s">
        <v>53</v>
      </c>
    </row>
    <row r="41" spans="1:2" x14ac:dyDescent="0.4">
      <c r="A41">
        <v>1040</v>
      </c>
    </row>
    <row r="42" spans="1:2" x14ac:dyDescent="0.4">
      <c r="A42">
        <v>1041</v>
      </c>
    </row>
    <row r="43" spans="1:2" x14ac:dyDescent="0.4">
      <c r="A43">
        <v>1042</v>
      </c>
    </row>
    <row r="44" spans="1:2" x14ac:dyDescent="0.4">
      <c r="A44">
        <v>1043</v>
      </c>
    </row>
    <row r="45" spans="1:2" x14ac:dyDescent="0.4">
      <c r="A45">
        <v>1044</v>
      </c>
      <c r="B45" t="s">
        <v>54</v>
      </c>
    </row>
    <row r="46" spans="1:2" x14ac:dyDescent="0.4">
      <c r="A46">
        <v>1045</v>
      </c>
      <c r="B46" t="s">
        <v>55</v>
      </c>
    </row>
    <row r="47" spans="1:2" x14ac:dyDescent="0.4">
      <c r="A47">
        <v>1046</v>
      </c>
    </row>
    <row r="48" spans="1:2" x14ac:dyDescent="0.4">
      <c r="A48">
        <v>1047</v>
      </c>
      <c r="B48" t="s">
        <v>56</v>
      </c>
    </row>
    <row r="49" spans="1:2" x14ac:dyDescent="0.4">
      <c r="A49">
        <v>1048</v>
      </c>
      <c r="B49" t="s">
        <v>57</v>
      </c>
    </row>
    <row r="50" spans="1:2" x14ac:dyDescent="0.4">
      <c r="A50">
        <v>1049</v>
      </c>
      <c r="B50" t="s">
        <v>58</v>
      </c>
    </row>
    <row r="51" spans="1:2" x14ac:dyDescent="0.4">
      <c r="A51">
        <v>1050</v>
      </c>
      <c r="B51" t="s">
        <v>59</v>
      </c>
    </row>
    <row r="52" spans="1:2" x14ac:dyDescent="0.4">
      <c r="A52">
        <v>1051</v>
      </c>
      <c r="B52" t="s">
        <v>60</v>
      </c>
    </row>
    <row r="53" spans="1:2" x14ac:dyDescent="0.4">
      <c r="A53">
        <v>1052</v>
      </c>
    </row>
    <row r="54" spans="1:2" x14ac:dyDescent="0.4">
      <c r="A54">
        <v>1053</v>
      </c>
    </row>
    <row r="55" spans="1:2" x14ac:dyDescent="0.4">
      <c r="A55">
        <v>1054</v>
      </c>
      <c r="B55" t="s">
        <v>61</v>
      </c>
    </row>
    <row r="56" spans="1:2" x14ac:dyDescent="0.4">
      <c r="A56">
        <v>1055</v>
      </c>
      <c r="B56" t="s">
        <v>62</v>
      </c>
    </row>
    <row r="57" spans="1:2" x14ac:dyDescent="0.4">
      <c r="A57">
        <v>1056</v>
      </c>
      <c r="B57" t="s">
        <v>63</v>
      </c>
    </row>
    <row r="58" spans="1:2" x14ac:dyDescent="0.4">
      <c r="A58">
        <v>1057</v>
      </c>
      <c r="B58" t="s">
        <v>64</v>
      </c>
    </row>
    <row r="59" spans="1:2" x14ac:dyDescent="0.4">
      <c r="A59">
        <v>1101</v>
      </c>
      <c r="B59" t="s">
        <v>65</v>
      </c>
    </row>
    <row r="60" spans="1:2" x14ac:dyDescent="0.4">
      <c r="A60">
        <v>1102</v>
      </c>
      <c r="B60" t="s">
        <v>66</v>
      </c>
    </row>
    <row r="61" spans="1:2" x14ac:dyDescent="0.4">
      <c r="A61">
        <v>1103</v>
      </c>
      <c r="B61" t="s">
        <v>67</v>
      </c>
    </row>
    <row r="62" spans="1:2" x14ac:dyDescent="0.4">
      <c r="A62">
        <v>1104</v>
      </c>
      <c r="B62" t="s">
        <v>68</v>
      </c>
    </row>
    <row r="63" spans="1:2" x14ac:dyDescent="0.4">
      <c r="A63">
        <v>1105</v>
      </c>
      <c r="B63" t="s">
        <v>69</v>
      </c>
    </row>
    <row r="64" spans="1:2" x14ac:dyDescent="0.4">
      <c r="A64">
        <v>1106</v>
      </c>
      <c r="B64" t="s">
        <v>70</v>
      </c>
    </row>
    <row r="65" spans="1:2" x14ac:dyDescent="0.4">
      <c r="A65">
        <v>1107</v>
      </c>
      <c r="B65" t="s">
        <v>71</v>
      </c>
    </row>
    <row r="66" spans="1:2" x14ac:dyDescent="0.4">
      <c r="A66">
        <v>1108</v>
      </c>
      <c r="B66" t="s">
        <v>72</v>
      </c>
    </row>
    <row r="67" spans="1:2" x14ac:dyDescent="0.4">
      <c r="A67">
        <v>1109</v>
      </c>
      <c r="B67" t="s">
        <v>73</v>
      </c>
    </row>
    <row r="68" spans="1:2" x14ac:dyDescent="0.4">
      <c r="A68">
        <v>1110</v>
      </c>
      <c r="B68" t="s">
        <v>74</v>
      </c>
    </row>
    <row r="69" spans="1:2" x14ac:dyDescent="0.4">
      <c r="A69">
        <v>1111</v>
      </c>
      <c r="B69" t="s">
        <v>75</v>
      </c>
    </row>
    <row r="70" spans="1:2" x14ac:dyDescent="0.4">
      <c r="A70">
        <v>1112</v>
      </c>
      <c r="B70" t="s">
        <v>76</v>
      </c>
    </row>
    <row r="71" spans="1:2" x14ac:dyDescent="0.4">
      <c r="A71">
        <v>1113</v>
      </c>
      <c r="B71" t="s">
        <v>77</v>
      </c>
    </row>
    <row r="72" spans="1:2" x14ac:dyDescent="0.4">
      <c r="A72">
        <v>1114</v>
      </c>
      <c r="B72" t="s">
        <v>78</v>
      </c>
    </row>
    <row r="73" spans="1:2" x14ac:dyDescent="0.4">
      <c r="A73">
        <v>1115</v>
      </c>
      <c r="B73" t="s">
        <v>79</v>
      </c>
    </row>
    <row r="74" spans="1:2" x14ac:dyDescent="0.4">
      <c r="A74">
        <v>1200</v>
      </c>
      <c r="B74" t="s">
        <v>80</v>
      </c>
    </row>
    <row r="75" spans="1:2" x14ac:dyDescent="0.4">
      <c r="A75">
        <v>2001</v>
      </c>
      <c r="B75" t="s">
        <v>81</v>
      </c>
    </row>
    <row r="76" spans="1:2" x14ac:dyDescent="0.4">
      <c r="A76">
        <v>2002</v>
      </c>
      <c r="B76" t="s">
        <v>82</v>
      </c>
    </row>
    <row r="77" spans="1:2" x14ac:dyDescent="0.4">
      <c r="A77">
        <v>2003</v>
      </c>
      <c r="B77" t="s">
        <v>83</v>
      </c>
    </row>
    <row r="78" spans="1:2" x14ac:dyDescent="0.4">
      <c r="A78">
        <v>2004</v>
      </c>
      <c r="B78" t="s">
        <v>84</v>
      </c>
    </row>
    <row r="79" spans="1:2" x14ac:dyDescent="0.4">
      <c r="A79">
        <v>2005</v>
      </c>
      <c r="B79" t="s">
        <v>85</v>
      </c>
    </row>
    <row r="80" spans="1:2" x14ac:dyDescent="0.4">
      <c r="A80">
        <v>2006</v>
      </c>
    </row>
    <row r="81" spans="1:2" x14ac:dyDescent="0.4">
      <c r="A81">
        <v>2007</v>
      </c>
    </row>
    <row r="82" spans="1:2" x14ac:dyDescent="0.4">
      <c r="A82">
        <v>2008</v>
      </c>
      <c r="B82" t="s">
        <v>86</v>
      </c>
    </row>
    <row r="83" spans="1:2" x14ac:dyDescent="0.4">
      <c r="A83">
        <v>2009</v>
      </c>
      <c r="B83" t="s">
        <v>87</v>
      </c>
    </row>
    <row r="84" spans="1:2" x14ac:dyDescent="0.4">
      <c r="A84">
        <v>2010</v>
      </c>
      <c r="B84" t="s">
        <v>88</v>
      </c>
    </row>
    <row r="85" spans="1:2" x14ac:dyDescent="0.4">
      <c r="A85">
        <v>2011</v>
      </c>
      <c r="B85" t="s">
        <v>89</v>
      </c>
    </row>
    <row r="86" spans="1:2" x14ac:dyDescent="0.4">
      <c r="A86">
        <v>2012</v>
      </c>
      <c r="B86" t="s">
        <v>90</v>
      </c>
    </row>
    <row r="87" spans="1:2" x14ac:dyDescent="0.4">
      <c r="A87">
        <v>2013</v>
      </c>
      <c r="B87" t="s">
        <v>91</v>
      </c>
    </row>
    <row r="88" spans="1:2" x14ac:dyDescent="0.4">
      <c r="A88">
        <v>2014</v>
      </c>
      <c r="B88" t="s">
        <v>92</v>
      </c>
    </row>
    <row r="89" spans="1:2" x14ac:dyDescent="0.4">
      <c r="A89">
        <v>2015</v>
      </c>
      <c r="B89" t="s">
        <v>93</v>
      </c>
    </row>
    <row r="90" spans="1:2" x14ac:dyDescent="0.4">
      <c r="A90">
        <v>2016</v>
      </c>
      <c r="B90" t="s">
        <v>94</v>
      </c>
    </row>
    <row r="91" spans="1:2" x14ac:dyDescent="0.4">
      <c r="A91">
        <v>2017</v>
      </c>
      <c r="B91" t="s">
        <v>95</v>
      </c>
    </row>
    <row r="92" spans="1:2" x14ac:dyDescent="0.4">
      <c r="A92">
        <v>2018</v>
      </c>
      <c r="B92" t="s">
        <v>96</v>
      </c>
    </row>
    <row r="93" spans="1:2" x14ac:dyDescent="0.4">
      <c r="A93">
        <v>2019</v>
      </c>
      <c r="B93" t="s">
        <v>97</v>
      </c>
    </row>
    <row r="94" spans="1:2" x14ac:dyDescent="0.4">
      <c r="A94">
        <v>2020</v>
      </c>
      <c r="B94" t="s">
        <v>98</v>
      </c>
    </row>
    <row r="95" spans="1:2" x14ac:dyDescent="0.4">
      <c r="A95">
        <v>2021</v>
      </c>
      <c r="B95" t="s">
        <v>99</v>
      </c>
    </row>
    <row r="96" spans="1:2" x14ac:dyDescent="0.4">
      <c r="A96">
        <v>2022</v>
      </c>
      <c r="B96" t="s">
        <v>100</v>
      </c>
    </row>
    <row r="97" spans="1:2" x14ac:dyDescent="0.4">
      <c r="A97">
        <v>2023</v>
      </c>
      <c r="B97" t="s">
        <v>101</v>
      </c>
    </row>
    <row r="98" spans="1:2" x14ac:dyDescent="0.4">
      <c r="A98">
        <v>2024</v>
      </c>
      <c r="B98" t="s">
        <v>102</v>
      </c>
    </row>
    <row r="99" spans="1:2" x14ac:dyDescent="0.4">
      <c r="A99">
        <v>2025</v>
      </c>
      <c r="B99" t="s">
        <v>103</v>
      </c>
    </row>
    <row r="100" spans="1:2" x14ac:dyDescent="0.4">
      <c r="A100">
        <v>2026</v>
      </c>
      <c r="B100" t="s">
        <v>104</v>
      </c>
    </row>
    <row r="101" spans="1:2" x14ac:dyDescent="0.4">
      <c r="A101">
        <v>2027</v>
      </c>
      <c r="B101" t="s">
        <v>105</v>
      </c>
    </row>
    <row r="102" spans="1:2" x14ac:dyDescent="0.4">
      <c r="A102">
        <v>2028</v>
      </c>
      <c r="B102" t="s">
        <v>106</v>
      </c>
    </row>
    <row r="103" spans="1:2" x14ac:dyDescent="0.4">
      <c r="A103">
        <v>2029</v>
      </c>
    </row>
    <row r="104" spans="1:2" x14ac:dyDescent="0.4">
      <c r="A104">
        <v>2030</v>
      </c>
      <c r="B104" t="s">
        <v>107</v>
      </c>
    </row>
    <row r="105" spans="1:2" x14ac:dyDescent="0.4">
      <c r="A105">
        <v>2031</v>
      </c>
    </row>
    <row r="106" spans="1:2" x14ac:dyDescent="0.4">
      <c r="A106">
        <v>2032</v>
      </c>
    </row>
    <row r="107" spans="1:2" x14ac:dyDescent="0.4">
      <c r="A107">
        <v>2033</v>
      </c>
      <c r="B107" t="s">
        <v>108</v>
      </c>
    </row>
    <row r="108" spans="1:2" x14ac:dyDescent="0.4">
      <c r="A108">
        <v>2034</v>
      </c>
    </row>
    <row r="109" spans="1:2" x14ac:dyDescent="0.4">
      <c r="A109">
        <v>2035</v>
      </c>
      <c r="B109" t="s">
        <v>109</v>
      </c>
    </row>
    <row r="110" spans="1:2" x14ac:dyDescent="0.4">
      <c r="A110">
        <v>2036</v>
      </c>
    </row>
    <row r="111" spans="1:2" x14ac:dyDescent="0.4">
      <c r="A111">
        <v>2037</v>
      </c>
      <c r="B111" t="s">
        <v>110</v>
      </c>
    </row>
    <row r="112" spans="1:2" x14ac:dyDescent="0.4">
      <c r="A112">
        <v>2038</v>
      </c>
    </row>
    <row r="113" spans="1:2" x14ac:dyDescent="0.4">
      <c r="A113">
        <v>2039</v>
      </c>
      <c r="B113" t="s">
        <v>111</v>
      </c>
    </row>
    <row r="114" spans="1:2" x14ac:dyDescent="0.4">
      <c r="A114">
        <v>2040</v>
      </c>
      <c r="B114" t="s">
        <v>112</v>
      </c>
    </row>
    <row r="115" spans="1:2" x14ac:dyDescent="0.4">
      <c r="A115">
        <v>2041</v>
      </c>
      <c r="B115" t="s">
        <v>113</v>
      </c>
    </row>
    <row r="116" spans="1:2" x14ac:dyDescent="0.4">
      <c r="A116">
        <v>2042</v>
      </c>
      <c r="B116" t="s">
        <v>114</v>
      </c>
    </row>
    <row r="117" spans="1:2" x14ac:dyDescent="0.4">
      <c r="A117">
        <v>2043</v>
      </c>
      <c r="B117" t="s">
        <v>115</v>
      </c>
    </row>
    <row r="118" spans="1:2" x14ac:dyDescent="0.4">
      <c r="A118">
        <v>2044</v>
      </c>
      <c r="B118" t="s">
        <v>116</v>
      </c>
    </row>
    <row r="119" spans="1:2" x14ac:dyDescent="0.4">
      <c r="A119">
        <v>2045</v>
      </c>
      <c r="B119" t="s">
        <v>117</v>
      </c>
    </row>
    <row r="120" spans="1:2" x14ac:dyDescent="0.4">
      <c r="A120">
        <v>2046</v>
      </c>
      <c r="B120" t="s">
        <v>118</v>
      </c>
    </row>
    <row r="121" spans="1:2" x14ac:dyDescent="0.4">
      <c r="A121">
        <v>2101</v>
      </c>
      <c r="B121" t="s">
        <v>119</v>
      </c>
    </row>
    <row r="122" spans="1:2" x14ac:dyDescent="0.4">
      <c r="A122">
        <v>2102</v>
      </c>
      <c r="B122" t="s">
        <v>120</v>
      </c>
    </row>
    <row r="123" spans="1:2" x14ac:dyDescent="0.4">
      <c r="A123">
        <v>2103</v>
      </c>
      <c r="B123" t="s">
        <v>121</v>
      </c>
    </row>
    <row r="124" spans="1:2" x14ac:dyDescent="0.4">
      <c r="A124">
        <v>2104</v>
      </c>
      <c r="B124" t="s">
        <v>122</v>
      </c>
    </row>
    <row r="125" spans="1:2" x14ac:dyDescent="0.4">
      <c r="A125">
        <v>2105</v>
      </c>
      <c r="B125" t="s">
        <v>123</v>
      </c>
    </row>
    <row r="126" spans="1:2" x14ac:dyDescent="0.4">
      <c r="A126">
        <v>2106</v>
      </c>
      <c r="B126" t="s">
        <v>124</v>
      </c>
    </row>
    <row r="127" spans="1:2" x14ac:dyDescent="0.4">
      <c r="A127">
        <v>2107</v>
      </c>
      <c r="B127" t="s">
        <v>125</v>
      </c>
    </row>
    <row r="128" spans="1:2" x14ac:dyDescent="0.4">
      <c r="A128">
        <v>2108</v>
      </c>
      <c r="B128" t="s">
        <v>126</v>
      </c>
    </row>
    <row r="129" spans="1:2" x14ac:dyDescent="0.4">
      <c r="A129">
        <v>2109</v>
      </c>
      <c r="B129" t="s">
        <v>127</v>
      </c>
    </row>
    <row r="130" spans="1:2" x14ac:dyDescent="0.4">
      <c r="A130">
        <v>2110</v>
      </c>
      <c r="B130" t="s">
        <v>128</v>
      </c>
    </row>
    <row r="131" spans="1:2" x14ac:dyDescent="0.4">
      <c r="A131">
        <v>2111</v>
      </c>
      <c r="B131" t="s">
        <v>129</v>
      </c>
    </row>
    <row r="132" spans="1:2" x14ac:dyDescent="0.4">
      <c r="A132">
        <v>2112</v>
      </c>
      <c r="B132" t="s">
        <v>130</v>
      </c>
    </row>
    <row r="133" spans="1:2" x14ac:dyDescent="0.4">
      <c r="A133">
        <v>2113</v>
      </c>
      <c r="B133" t="s">
        <v>131</v>
      </c>
    </row>
    <row r="134" spans="1:2" x14ac:dyDescent="0.4">
      <c r="A134">
        <v>2114</v>
      </c>
      <c r="B134" t="s">
        <v>132</v>
      </c>
    </row>
    <row r="135" spans="1:2" x14ac:dyDescent="0.4">
      <c r="A135">
        <v>2115</v>
      </c>
      <c r="B135" t="s">
        <v>133</v>
      </c>
    </row>
    <row r="136" spans="1:2" x14ac:dyDescent="0.4">
      <c r="A136">
        <v>2116</v>
      </c>
      <c r="B136" t="s">
        <v>134</v>
      </c>
    </row>
    <row r="137" spans="1:2" x14ac:dyDescent="0.4">
      <c r="A137">
        <v>2117</v>
      </c>
      <c r="B137" t="s">
        <v>135</v>
      </c>
    </row>
    <row r="138" spans="1:2" x14ac:dyDescent="0.4">
      <c r="A138">
        <v>2118</v>
      </c>
      <c r="B138" t="s">
        <v>136</v>
      </c>
    </row>
    <row r="139" spans="1:2" x14ac:dyDescent="0.4">
      <c r="A139">
        <v>2119</v>
      </c>
      <c r="B139" t="s">
        <v>137</v>
      </c>
    </row>
    <row r="140" spans="1:2" x14ac:dyDescent="0.4">
      <c r="A140">
        <v>2120</v>
      </c>
      <c r="B140" t="s">
        <v>138</v>
      </c>
    </row>
    <row r="141" spans="1:2" x14ac:dyDescent="0.4">
      <c r="A141">
        <v>2121</v>
      </c>
      <c r="B141" t="s">
        <v>139</v>
      </c>
    </row>
    <row r="142" spans="1:2" x14ac:dyDescent="0.4">
      <c r="A142">
        <v>2122</v>
      </c>
      <c r="B142" t="s">
        <v>140</v>
      </c>
    </row>
    <row r="143" spans="1:2" x14ac:dyDescent="0.4">
      <c r="A143">
        <v>2123</v>
      </c>
      <c r="B143" t="s">
        <v>141</v>
      </c>
    </row>
    <row r="144" spans="1:2" x14ac:dyDescent="0.4">
      <c r="A144">
        <v>2124</v>
      </c>
      <c r="B144" t="s">
        <v>142</v>
      </c>
    </row>
    <row r="145" spans="1:2" x14ac:dyDescent="0.4">
      <c r="A145">
        <v>2125</v>
      </c>
      <c r="B145" t="s">
        <v>143</v>
      </c>
    </row>
    <row r="146" spans="1:2" x14ac:dyDescent="0.4">
      <c r="A146">
        <v>2126</v>
      </c>
      <c r="B146" t="s">
        <v>144</v>
      </c>
    </row>
    <row r="147" spans="1:2" x14ac:dyDescent="0.4">
      <c r="A147">
        <v>2200</v>
      </c>
      <c r="B147" t="s">
        <v>145</v>
      </c>
    </row>
    <row r="148" spans="1:2" x14ac:dyDescent="0.4">
      <c r="A148">
        <v>3001</v>
      </c>
      <c r="B148" t="s">
        <v>146</v>
      </c>
    </row>
    <row r="149" spans="1:2" x14ac:dyDescent="0.4">
      <c r="A149">
        <v>3002</v>
      </c>
      <c r="B149" t="s">
        <v>147</v>
      </c>
    </row>
    <row r="150" spans="1:2" x14ac:dyDescent="0.4">
      <c r="A150">
        <v>3003</v>
      </c>
      <c r="B150" t="s">
        <v>148</v>
      </c>
    </row>
    <row r="151" spans="1:2" x14ac:dyDescent="0.4">
      <c r="A151">
        <v>3004</v>
      </c>
      <c r="B151" t="s">
        <v>149</v>
      </c>
    </row>
    <row r="152" spans="1:2" x14ac:dyDescent="0.4">
      <c r="A152">
        <v>3005</v>
      </c>
      <c r="B152" t="s">
        <v>150</v>
      </c>
    </row>
    <row r="153" spans="1:2" x14ac:dyDescent="0.4">
      <c r="A153">
        <v>3006</v>
      </c>
      <c r="B153" t="s">
        <v>151</v>
      </c>
    </row>
    <row r="154" spans="1:2" x14ac:dyDescent="0.4">
      <c r="A154">
        <v>3007</v>
      </c>
      <c r="B154" t="s">
        <v>152</v>
      </c>
    </row>
    <row r="155" spans="1:2" x14ac:dyDescent="0.4">
      <c r="A155">
        <v>3008</v>
      </c>
      <c r="B155" t="s">
        <v>153</v>
      </c>
    </row>
    <row r="156" spans="1:2" x14ac:dyDescent="0.4">
      <c r="A156">
        <v>3009</v>
      </c>
      <c r="B156" t="s">
        <v>154</v>
      </c>
    </row>
    <row r="157" spans="1:2" x14ac:dyDescent="0.4">
      <c r="A157">
        <v>3010</v>
      </c>
      <c r="B157" t="s">
        <v>155</v>
      </c>
    </row>
    <row r="158" spans="1:2" x14ac:dyDescent="0.4">
      <c r="A158">
        <v>3011</v>
      </c>
      <c r="B158" t="s">
        <v>156</v>
      </c>
    </row>
    <row r="159" spans="1:2" x14ac:dyDescent="0.4">
      <c r="A159">
        <v>3012</v>
      </c>
      <c r="B159" t="s">
        <v>157</v>
      </c>
    </row>
    <row r="160" spans="1:2" x14ac:dyDescent="0.4">
      <c r="A160">
        <v>3013</v>
      </c>
      <c r="B160" t="s">
        <v>158</v>
      </c>
    </row>
    <row r="161" spans="1:2" x14ac:dyDescent="0.4">
      <c r="A161">
        <v>3014</v>
      </c>
      <c r="B161" t="s">
        <v>159</v>
      </c>
    </row>
    <row r="162" spans="1:2" x14ac:dyDescent="0.4">
      <c r="A162">
        <v>3015</v>
      </c>
      <c r="B162" t="s">
        <v>160</v>
      </c>
    </row>
    <row r="163" spans="1:2" x14ac:dyDescent="0.4">
      <c r="A163">
        <v>3016</v>
      </c>
      <c r="B163" t="s">
        <v>161</v>
      </c>
    </row>
    <row r="164" spans="1:2" x14ac:dyDescent="0.4">
      <c r="A164">
        <v>3017</v>
      </c>
      <c r="B164" t="s">
        <v>162</v>
      </c>
    </row>
    <row r="165" spans="1:2" x14ac:dyDescent="0.4">
      <c r="A165">
        <v>3018</v>
      </c>
      <c r="B165" t="s">
        <v>163</v>
      </c>
    </row>
    <row r="166" spans="1:2" x14ac:dyDescent="0.4">
      <c r="A166">
        <v>3019</v>
      </c>
      <c r="B166" t="s">
        <v>164</v>
      </c>
    </row>
    <row r="167" spans="1:2" x14ac:dyDescent="0.4">
      <c r="A167">
        <v>3020</v>
      </c>
      <c r="B167" t="s">
        <v>165</v>
      </c>
    </row>
    <row r="168" spans="1:2" x14ac:dyDescent="0.4">
      <c r="A168">
        <v>3021</v>
      </c>
      <c r="B168" t="s">
        <v>166</v>
      </c>
    </row>
    <row r="169" spans="1:2" x14ac:dyDescent="0.4">
      <c r="A169">
        <v>3022</v>
      </c>
      <c r="B169" t="s">
        <v>167</v>
      </c>
    </row>
    <row r="170" spans="1:2" x14ac:dyDescent="0.4">
      <c r="A170">
        <v>3023</v>
      </c>
      <c r="B170" t="s">
        <v>168</v>
      </c>
    </row>
    <row r="171" spans="1:2" x14ac:dyDescent="0.4">
      <c r="A171">
        <v>3024</v>
      </c>
      <c r="B171" t="s">
        <v>169</v>
      </c>
    </row>
    <row r="172" spans="1:2" x14ac:dyDescent="0.4">
      <c r="A172">
        <v>3025</v>
      </c>
      <c r="B172" t="s">
        <v>170</v>
      </c>
    </row>
    <row r="173" spans="1:2" x14ac:dyDescent="0.4">
      <c r="A173">
        <v>3026</v>
      </c>
      <c r="B173" t="s">
        <v>171</v>
      </c>
    </row>
    <row r="174" spans="1:2" x14ac:dyDescent="0.4">
      <c r="A174">
        <v>3027</v>
      </c>
      <c r="B174" t="s">
        <v>172</v>
      </c>
    </row>
    <row r="175" spans="1:2" x14ac:dyDescent="0.4">
      <c r="A175">
        <v>3028</v>
      </c>
      <c r="B175" t="s">
        <v>173</v>
      </c>
    </row>
    <row r="176" spans="1:2" x14ac:dyDescent="0.4">
      <c r="A176">
        <v>3029</v>
      </c>
      <c r="B176" t="s">
        <v>174</v>
      </c>
    </row>
    <row r="177" spans="1:2" x14ac:dyDescent="0.4">
      <c r="A177">
        <v>3030</v>
      </c>
      <c r="B177" t="s">
        <v>175</v>
      </c>
    </row>
    <row r="178" spans="1:2" x14ac:dyDescent="0.4">
      <c r="A178">
        <v>3031</v>
      </c>
    </row>
    <row r="179" spans="1:2" x14ac:dyDescent="0.4">
      <c r="A179">
        <v>3032</v>
      </c>
    </row>
    <row r="180" spans="1:2" x14ac:dyDescent="0.4">
      <c r="A180">
        <v>3033</v>
      </c>
      <c r="B180" t="s">
        <v>176</v>
      </c>
    </row>
    <row r="181" spans="1:2" x14ac:dyDescent="0.4">
      <c r="A181">
        <v>3034</v>
      </c>
      <c r="B181" t="s">
        <v>177</v>
      </c>
    </row>
    <row r="182" spans="1:2" x14ac:dyDescent="0.4">
      <c r="A182">
        <v>3035</v>
      </c>
      <c r="B182" t="s">
        <v>178</v>
      </c>
    </row>
    <row r="183" spans="1:2" x14ac:dyDescent="0.4">
      <c r="A183">
        <v>3036</v>
      </c>
      <c r="B183" t="s">
        <v>179</v>
      </c>
    </row>
    <row r="184" spans="1:2" x14ac:dyDescent="0.4">
      <c r="A184">
        <v>3037</v>
      </c>
      <c r="B184" t="s">
        <v>180</v>
      </c>
    </row>
    <row r="185" spans="1:2" x14ac:dyDescent="0.4">
      <c r="A185">
        <v>3038</v>
      </c>
      <c r="B185" t="s">
        <v>181</v>
      </c>
    </row>
    <row r="186" spans="1:2" x14ac:dyDescent="0.4">
      <c r="A186">
        <v>3039</v>
      </c>
      <c r="B186" t="s">
        <v>182</v>
      </c>
    </row>
    <row r="187" spans="1:2" x14ac:dyDescent="0.4">
      <c r="A187">
        <v>3040</v>
      </c>
      <c r="B187" t="s">
        <v>183</v>
      </c>
    </row>
    <row r="188" spans="1:2" x14ac:dyDescent="0.4">
      <c r="A188">
        <v>3041</v>
      </c>
      <c r="B188" t="s">
        <v>184</v>
      </c>
    </row>
    <row r="189" spans="1:2" x14ac:dyDescent="0.4">
      <c r="A189">
        <v>3042</v>
      </c>
      <c r="B189" t="s">
        <v>185</v>
      </c>
    </row>
    <row r="190" spans="1:2" x14ac:dyDescent="0.4">
      <c r="A190">
        <v>3043</v>
      </c>
      <c r="B190" t="s">
        <v>186</v>
      </c>
    </row>
    <row r="191" spans="1:2" x14ac:dyDescent="0.4">
      <c r="A191">
        <v>3044</v>
      </c>
      <c r="B191" t="s">
        <v>187</v>
      </c>
    </row>
    <row r="192" spans="1:2" x14ac:dyDescent="0.4">
      <c r="A192">
        <v>3045</v>
      </c>
      <c r="B192" t="s">
        <v>188</v>
      </c>
    </row>
    <row r="193" spans="1:2" x14ac:dyDescent="0.4">
      <c r="A193">
        <v>3046</v>
      </c>
    </row>
    <row r="194" spans="1:2" x14ac:dyDescent="0.4">
      <c r="A194">
        <v>3101</v>
      </c>
      <c r="B194" t="s">
        <v>189</v>
      </c>
    </row>
    <row r="195" spans="1:2" x14ac:dyDescent="0.4">
      <c r="A195">
        <v>3102</v>
      </c>
      <c r="B195" t="s">
        <v>190</v>
      </c>
    </row>
    <row r="196" spans="1:2" x14ac:dyDescent="0.4">
      <c r="A196">
        <v>3200</v>
      </c>
      <c r="B196" t="s">
        <v>191</v>
      </c>
    </row>
    <row r="197" spans="1:2" x14ac:dyDescent="0.4">
      <c r="A197">
        <v>4001</v>
      </c>
      <c r="B197" t="s">
        <v>192</v>
      </c>
    </row>
    <row r="198" spans="1:2" x14ac:dyDescent="0.4">
      <c r="A198">
        <v>4002</v>
      </c>
      <c r="B198" t="s">
        <v>193</v>
      </c>
    </row>
    <row r="199" spans="1:2" x14ac:dyDescent="0.4">
      <c r="A199">
        <v>4003</v>
      </c>
      <c r="B199" t="s">
        <v>194</v>
      </c>
    </row>
    <row r="200" spans="1:2" x14ac:dyDescent="0.4">
      <c r="A200">
        <v>4004</v>
      </c>
      <c r="B200" t="s">
        <v>195</v>
      </c>
    </row>
    <row r="201" spans="1:2" x14ac:dyDescent="0.4">
      <c r="A201">
        <v>4005</v>
      </c>
      <c r="B201" t="s">
        <v>196</v>
      </c>
    </row>
    <row r="202" spans="1:2" x14ac:dyDescent="0.4">
      <c r="A202">
        <v>4006</v>
      </c>
      <c r="B202" t="s">
        <v>197</v>
      </c>
    </row>
    <row r="203" spans="1:2" x14ac:dyDescent="0.4">
      <c r="A203">
        <v>4007</v>
      </c>
      <c r="B203" t="s">
        <v>198</v>
      </c>
    </row>
    <row r="204" spans="1:2" x14ac:dyDescent="0.4">
      <c r="A204">
        <v>4008</v>
      </c>
      <c r="B204" t="s">
        <v>199</v>
      </c>
    </row>
    <row r="205" spans="1:2" x14ac:dyDescent="0.4">
      <c r="A205">
        <v>4009</v>
      </c>
      <c r="B205" t="s">
        <v>200</v>
      </c>
    </row>
    <row r="206" spans="1:2" x14ac:dyDescent="0.4">
      <c r="A206">
        <v>4010</v>
      </c>
      <c r="B206" t="s">
        <v>201</v>
      </c>
    </row>
    <row r="207" spans="1:2" x14ac:dyDescent="0.4">
      <c r="A207">
        <v>4011</v>
      </c>
      <c r="B207" t="s">
        <v>202</v>
      </c>
    </row>
    <row r="208" spans="1:2" x14ac:dyDescent="0.4">
      <c r="A208">
        <v>4012</v>
      </c>
      <c r="B208" t="s">
        <v>203</v>
      </c>
    </row>
    <row r="209" spans="1:2" x14ac:dyDescent="0.4">
      <c r="A209">
        <v>4013</v>
      </c>
      <c r="B209" t="s">
        <v>204</v>
      </c>
    </row>
    <row r="210" spans="1:2" x14ac:dyDescent="0.4">
      <c r="A210">
        <v>4014</v>
      </c>
      <c r="B210" t="s">
        <v>205</v>
      </c>
    </row>
    <row r="211" spans="1:2" x14ac:dyDescent="0.4">
      <c r="A211">
        <v>4015</v>
      </c>
      <c r="B211" t="s">
        <v>206</v>
      </c>
    </row>
    <row r="212" spans="1:2" x14ac:dyDescent="0.4">
      <c r="A212">
        <v>4016</v>
      </c>
      <c r="B212" t="s">
        <v>207</v>
      </c>
    </row>
    <row r="213" spans="1:2" x14ac:dyDescent="0.4">
      <c r="A213">
        <v>4017</v>
      </c>
      <c r="B213" t="s">
        <v>208</v>
      </c>
    </row>
    <row r="214" spans="1:2" x14ac:dyDescent="0.4">
      <c r="A214">
        <v>4018</v>
      </c>
      <c r="B214" t="s">
        <v>209</v>
      </c>
    </row>
    <row r="215" spans="1:2" x14ac:dyDescent="0.4">
      <c r="A215">
        <v>4019</v>
      </c>
      <c r="B215" t="s">
        <v>210</v>
      </c>
    </row>
    <row r="216" spans="1:2" x14ac:dyDescent="0.4">
      <c r="A216">
        <v>4020</v>
      </c>
      <c r="B216" t="s">
        <v>211</v>
      </c>
    </row>
    <row r="217" spans="1:2" x14ac:dyDescent="0.4">
      <c r="A217">
        <v>4021</v>
      </c>
      <c r="B217" t="s">
        <v>212</v>
      </c>
    </row>
    <row r="218" spans="1:2" x14ac:dyDescent="0.4">
      <c r="A218">
        <v>4022</v>
      </c>
      <c r="B218" t="s">
        <v>213</v>
      </c>
    </row>
    <row r="219" spans="1:2" x14ac:dyDescent="0.4">
      <c r="A219">
        <v>4023</v>
      </c>
      <c r="B219" t="s">
        <v>214</v>
      </c>
    </row>
    <row r="220" spans="1:2" x14ac:dyDescent="0.4">
      <c r="A220">
        <v>4024</v>
      </c>
      <c r="B220" t="s">
        <v>215</v>
      </c>
    </row>
    <row r="221" spans="1:2" x14ac:dyDescent="0.4">
      <c r="A221">
        <v>4025</v>
      </c>
      <c r="B221" t="s">
        <v>216</v>
      </c>
    </row>
    <row r="222" spans="1:2" x14ac:dyDescent="0.4">
      <c r="A222">
        <v>4026</v>
      </c>
      <c r="B222" t="s">
        <v>217</v>
      </c>
    </row>
    <row r="223" spans="1:2" x14ac:dyDescent="0.4">
      <c r="A223">
        <v>4027</v>
      </c>
      <c r="B223" t="s">
        <v>218</v>
      </c>
    </row>
    <row r="224" spans="1:2" x14ac:dyDescent="0.4">
      <c r="A224">
        <v>4028</v>
      </c>
      <c r="B224" t="s">
        <v>219</v>
      </c>
    </row>
    <row r="225" spans="1:2" x14ac:dyDescent="0.4">
      <c r="A225">
        <v>4029</v>
      </c>
    </row>
    <row r="226" spans="1:2" x14ac:dyDescent="0.4">
      <c r="A226">
        <v>4030</v>
      </c>
      <c r="B226" t="s">
        <v>220</v>
      </c>
    </row>
    <row r="227" spans="1:2" x14ac:dyDescent="0.4">
      <c r="A227">
        <v>4031</v>
      </c>
      <c r="B227" t="s">
        <v>221</v>
      </c>
    </row>
    <row r="228" spans="1:2" x14ac:dyDescent="0.4">
      <c r="A228">
        <v>4032</v>
      </c>
      <c r="B228" t="s">
        <v>222</v>
      </c>
    </row>
    <row r="229" spans="1:2" x14ac:dyDescent="0.4">
      <c r="A229">
        <v>4033</v>
      </c>
      <c r="B229" t="s">
        <v>223</v>
      </c>
    </row>
    <row r="230" spans="1:2" x14ac:dyDescent="0.4">
      <c r="A230">
        <v>4034</v>
      </c>
      <c r="B230" t="s">
        <v>224</v>
      </c>
    </row>
    <row r="231" spans="1:2" x14ac:dyDescent="0.4">
      <c r="A231">
        <v>4035</v>
      </c>
      <c r="B231" t="s">
        <v>225</v>
      </c>
    </row>
    <row r="232" spans="1:2" x14ac:dyDescent="0.4">
      <c r="A232">
        <v>4036</v>
      </c>
      <c r="B232" t="s">
        <v>226</v>
      </c>
    </row>
    <row r="233" spans="1:2" x14ac:dyDescent="0.4">
      <c r="A233">
        <v>4037</v>
      </c>
      <c r="B233" t="s">
        <v>227</v>
      </c>
    </row>
    <row r="234" spans="1:2" x14ac:dyDescent="0.4">
      <c r="A234">
        <v>4038</v>
      </c>
      <c r="B234" t="s">
        <v>228</v>
      </c>
    </row>
    <row r="235" spans="1:2" x14ac:dyDescent="0.4">
      <c r="A235">
        <v>4039</v>
      </c>
    </row>
    <row r="236" spans="1:2" x14ac:dyDescent="0.4">
      <c r="A236">
        <v>4040</v>
      </c>
    </row>
    <row r="237" spans="1:2" x14ac:dyDescent="0.4">
      <c r="A237">
        <v>4041</v>
      </c>
      <c r="B237" t="s">
        <v>229</v>
      </c>
    </row>
    <row r="238" spans="1:2" x14ac:dyDescent="0.4">
      <c r="A238">
        <v>4042</v>
      </c>
      <c r="B238" t="s">
        <v>230</v>
      </c>
    </row>
    <row r="239" spans="1:2" x14ac:dyDescent="0.4">
      <c r="A239">
        <v>4043</v>
      </c>
      <c r="B239" t="s">
        <v>231</v>
      </c>
    </row>
    <row r="240" spans="1:2" x14ac:dyDescent="0.4">
      <c r="A240">
        <v>4044</v>
      </c>
      <c r="B240" t="s">
        <v>232</v>
      </c>
    </row>
    <row r="241" spans="1:2" x14ac:dyDescent="0.4">
      <c r="A241">
        <v>4045</v>
      </c>
      <c r="B241" t="s">
        <v>233</v>
      </c>
    </row>
    <row r="242" spans="1:2" x14ac:dyDescent="0.4">
      <c r="A242">
        <v>4046</v>
      </c>
      <c r="B242" t="s">
        <v>234</v>
      </c>
    </row>
    <row r="243" spans="1:2" x14ac:dyDescent="0.4">
      <c r="A243">
        <v>4047</v>
      </c>
      <c r="B243" t="s">
        <v>235</v>
      </c>
    </row>
    <row r="244" spans="1:2" x14ac:dyDescent="0.4">
      <c r="A244">
        <v>4048</v>
      </c>
    </row>
    <row r="245" spans="1:2" x14ac:dyDescent="0.4">
      <c r="A245">
        <v>4049</v>
      </c>
      <c r="B245" t="s">
        <v>236</v>
      </c>
    </row>
    <row r="246" spans="1:2" x14ac:dyDescent="0.4">
      <c r="A246">
        <v>4050</v>
      </c>
      <c r="B246" t="s">
        <v>237</v>
      </c>
    </row>
    <row r="247" spans="1:2" x14ac:dyDescent="0.4">
      <c r="A247">
        <v>4051</v>
      </c>
      <c r="B247" t="s">
        <v>238</v>
      </c>
    </row>
    <row r="248" spans="1:2" x14ac:dyDescent="0.4">
      <c r="A248">
        <v>4052</v>
      </c>
      <c r="B248" t="s">
        <v>239</v>
      </c>
    </row>
    <row r="249" spans="1:2" x14ac:dyDescent="0.4">
      <c r="A249">
        <v>4101</v>
      </c>
      <c r="B249" t="s">
        <v>240</v>
      </c>
    </row>
    <row r="250" spans="1:2" x14ac:dyDescent="0.4">
      <c r="A250">
        <v>4102</v>
      </c>
      <c r="B250" t="s">
        <v>241</v>
      </c>
    </row>
    <row r="251" spans="1:2" x14ac:dyDescent="0.4">
      <c r="A251">
        <v>4103</v>
      </c>
      <c r="B251" t="s">
        <v>242</v>
      </c>
    </row>
    <row r="252" spans="1:2" x14ac:dyDescent="0.4">
      <c r="A252">
        <v>4104</v>
      </c>
      <c r="B252" t="s">
        <v>243</v>
      </c>
    </row>
    <row r="253" spans="1:2" x14ac:dyDescent="0.4">
      <c r="A253">
        <v>4105</v>
      </c>
      <c r="B253" t="s">
        <v>244</v>
      </c>
    </row>
    <row r="254" spans="1:2" x14ac:dyDescent="0.4">
      <c r="A254">
        <v>4106</v>
      </c>
      <c r="B254" t="s">
        <v>245</v>
      </c>
    </row>
    <row r="255" spans="1:2" x14ac:dyDescent="0.4">
      <c r="A255">
        <v>4107</v>
      </c>
      <c r="B255" t="s">
        <v>246</v>
      </c>
    </row>
    <row r="256" spans="1:2" x14ac:dyDescent="0.4">
      <c r="A256">
        <v>4108</v>
      </c>
      <c r="B256" t="s">
        <v>247</v>
      </c>
    </row>
    <row r="257" spans="1:2" x14ac:dyDescent="0.4">
      <c r="A257">
        <v>4109</v>
      </c>
      <c r="B257" t="s">
        <v>248</v>
      </c>
    </row>
    <row r="258" spans="1:2" x14ac:dyDescent="0.4">
      <c r="A258">
        <v>4200</v>
      </c>
      <c r="B258" t="s">
        <v>249</v>
      </c>
    </row>
  </sheetData>
  <sheetProtection selectLockedCells="1" selectUnlockedCells="1"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エントリー</vt:lpstr>
      <vt:lpstr>参加者名簿（当日持参）</vt:lpstr>
      <vt:lpstr>学校番号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上端　勇介</dc:creator>
  <cp:lastModifiedBy>上端　勇介</cp:lastModifiedBy>
  <dcterms:created xsi:type="dcterms:W3CDTF">2025-06-18T04:15:24Z</dcterms:created>
  <dcterms:modified xsi:type="dcterms:W3CDTF">2025-07-01T04:40:00Z</dcterms:modified>
</cp:coreProperties>
</file>